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21"/>
  </p:sldMasterIdLst>
  <p:notesMasterIdLst>
    <p:notesMasterId r:id="rId30"/>
  </p:notesMasterIdLst>
  <p:handoutMasterIdLst>
    <p:handoutMasterId r:id="rId31"/>
  </p:handoutMasterIdLst>
  <p:sldIdLst>
    <p:sldId id="271" r:id="rId22"/>
    <p:sldId id="272" r:id="rId23"/>
    <p:sldId id="266" r:id="rId24"/>
    <p:sldId id="268" r:id="rId25"/>
    <p:sldId id="270" r:id="rId26"/>
    <p:sldId id="265" r:id="rId27"/>
    <p:sldId id="267" r:id="rId28"/>
    <p:sldId id="258" r:id="rId29"/>
  </p:sldIdLst>
  <p:sldSz cx="12192000" cy="6858000"/>
  <p:notesSz cx="6858000" cy="9144000"/>
  <p:custDataLst>
    <p:tags r:id="rId32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EF50F90-403D-436E-9737-1A40B2B3D929}" v="53" dt="2023-06-01T10:35:54.97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4" autoAdjust="0"/>
    <p:restoredTop sz="94660"/>
  </p:normalViewPr>
  <p:slideViewPr>
    <p:cSldViewPr snapToGrid="0" showGuides="1">
      <p:cViewPr varScale="1">
        <p:scale>
          <a:sx n="77" d="100"/>
          <a:sy n="77" d="100"/>
        </p:scale>
        <p:origin x="80" y="120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9" d="100"/>
          <a:sy n="89" d="100"/>
        </p:scale>
        <p:origin x="3802" y="101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5.xml"/><Relationship Id="rId3" Type="http://schemas.openxmlformats.org/officeDocument/2006/relationships/customXml" Target="../customXml/item3.xml"/><Relationship Id="rId21" Type="http://schemas.openxmlformats.org/officeDocument/2006/relationships/slideMaster" Target="slideMasters/slideMaster1.xml"/><Relationship Id="rId34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" Target="slides/slide4.xml"/><Relationship Id="rId33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slide" Target="slides/slide8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3.xml"/><Relationship Id="rId32" Type="http://schemas.openxmlformats.org/officeDocument/2006/relationships/tags" Target="tags/tag1.xml"/><Relationship Id="rId37" Type="http://schemas.microsoft.com/office/2015/10/relationships/revisionInfo" Target="revisionInfo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2.xml"/><Relationship Id="rId28" Type="http://schemas.openxmlformats.org/officeDocument/2006/relationships/slide" Target="slides/slide7.xml"/><Relationship Id="rId36" Type="http://schemas.openxmlformats.org/officeDocument/2006/relationships/tableStyles" Target="tableStyles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1.xml"/><Relationship Id="rId27" Type="http://schemas.openxmlformats.org/officeDocument/2006/relationships/slide" Target="slides/slide6.xml"/><Relationship Id="rId30" Type="http://schemas.openxmlformats.org/officeDocument/2006/relationships/notesMaster" Target="notesMasters/notesMaster1.xml"/><Relationship Id="rId35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0"/>
          <c:order val="0"/>
          <c:tx>
            <c:strRef>
              <c:f>Sheet1!$A$8</c:f>
              <c:strCache>
                <c:ptCount val="1"/>
                <c:pt idx="0">
                  <c:v>2020 - 2021</c:v>
                </c:pt>
              </c:strCache>
            </c:strRef>
          </c:tx>
          <c:spPr>
            <a:ln w="28575" cap="rnd">
              <a:solidFill>
                <a:schemeClr val="bg2">
                  <a:lumMod val="40000"/>
                  <a:lumOff val="60000"/>
                </a:schemeClr>
              </a:solidFill>
              <a:round/>
            </a:ln>
            <a:effectLst/>
          </c:spPr>
          <c:marker>
            <c:symbol val="none"/>
          </c:marker>
          <c:cat>
            <c:strRef>
              <c:f>Sheet1!$B$7:$E$7</c:f>
              <c:strCache>
                <c:ptCount val="4"/>
                <c:pt idx="0">
                  <c:v>AD</c:v>
                </c:pt>
                <c:pt idx="1">
                  <c:v>PD</c:v>
                </c:pt>
                <c:pt idx="2">
                  <c:v>PI</c:v>
                </c:pt>
                <c:pt idx="3">
                  <c:v>Credit Hire</c:v>
                </c:pt>
              </c:strCache>
            </c:strRef>
          </c:cat>
          <c:val>
            <c:numRef>
              <c:f>Sheet1!$B$8:$E$8</c:f>
              <c:numCache>
                <c:formatCode>0%</c:formatCode>
                <c:ptCount val="4"/>
                <c:pt idx="0">
                  <c:v>0.19263271939328275</c:v>
                </c:pt>
                <c:pt idx="1">
                  <c:v>8.4773936170212782E-2</c:v>
                </c:pt>
                <c:pt idx="2">
                  <c:v>2.8766800282952087E-2</c:v>
                </c:pt>
                <c:pt idx="3">
                  <c:v>0.1033146792940163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3FC8-47EA-A307-2E6B817C853A}"/>
            </c:ext>
          </c:extLst>
        </c:ser>
        <c:ser>
          <c:idx val="1"/>
          <c:order val="1"/>
          <c:tx>
            <c:strRef>
              <c:f>Sheet1!$A$9</c:f>
              <c:strCache>
                <c:ptCount val="1"/>
                <c:pt idx="0">
                  <c:v>2021 -2022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B$7:$E$7</c:f>
              <c:strCache>
                <c:ptCount val="4"/>
                <c:pt idx="0">
                  <c:v>AD</c:v>
                </c:pt>
                <c:pt idx="1">
                  <c:v>PD</c:v>
                </c:pt>
                <c:pt idx="2">
                  <c:v>PI</c:v>
                </c:pt>
                <c:pt idx="3">
                  <c:v>Credit Hire</c:v>
                </c:pt>
              </c:strCache>
            </c:strRef>
          </c:cat>
          <c:val>
            <c:numRef>
              <c:f>Sheet1!$B$9:$E$9</c:f>
              <c:numCache>
                <c:formatCode>0%</c:formatCode>
                <c:ptCount val="4"/>
                <c:pt idx="0">
                  <c:v>0.12611247869721642</c:v>
                </c:pt>
                <c:pt idx="1">
                  <c:v>0.12608948285880306</c:v>
                </c:pt>
                <c:pt idx="2">
                  <c:v>0.12330749354005166</c:v>
                </c:pt>
                <c:pt idx="3">
                  <c:v>0.1888966480446927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3FC8-47EA-A307-2E6B817C853A}"/>
            </c:ext>
          </c:extLst>
        </c:ser>
        <c:ser>
          <c:idx val="2"/>
          <c:order val="2"/>
          <c:tx>
            <c:strRef>
              <c:f>Sheet1!$A$10</c:f>
              <c:strCache>
                <c:ptCount val="1"/>
                <c:pt idx="0">
                  <c:v>2022 - 2023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cat>
            <c:strRef>
              <c:f>Sheet1!$B$7:$E$7</c:f>
              <c:strCache>
                <c:ptCount val="4"/>
                <c:pt idx="0">
                  <c:v>AD</c:v>
                </c:pt>
                <c:pt idx="1">
                  <c:v>PD</c:v>
                </c:pt>
                <c:pt idx="2">
                  <c:v>PI</c:v>
                </c:pt>
                <c:pt idx="3">
                  <c:v>Credit Hire</c:v>
                </c:pt>
              </c:strCache>
            </c:strRef>
          </c:cat>
          <c:val>
            <c:numRef>
              <c:f>Sheet1!$B$10:$E$10</c:f>
              <c:numCache>
                <c:formatCode>0%</c:formatCode>
                <c:ptCount val="4"/>
                <c:pt idx="0">
                  <c:v>-0.10805707091900962</c:v>
                </c:pt>
                <c:pt idx="1">
                  <c:v>-8.7924970691677373E-3</c:v>
                </c:pt>
                <c:pt idx="2">
                  <c:v>-0.26387981711299813</c:v>
                </c:pt>
                <c:pt idx="3">
                  <c:v>-6.9055617767823874E-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3FC8-47EA-A307-2E6B817C853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21632408"/>
        <c:axId val="121654056"/>
      </c:lineChart>
      <c:catAx>
        <c:axId val="12163240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1654056"/>
        <c:crosses val="autoZero"/>
        <c:auto val="1"/>
        <c:lblAlgn val="ctr"/>
        <c:lblOffset val="100"/>
        <c:noMultiLvlLbl val="0"/>
      </c:catAx>
      <c:valAx>
        <c:axId val="12165405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163240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layout>
        <c:manualLayout>
          <c:xMode val="edge"/>
          <c:yMode val="edge"/>
          <c:x val="0.30183782056241043"/>
          <c:y val="5.0015595414003109E-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14859739905979061"/>
          <c:y val="7.7317118963366516E-2"/>
          <c:w val="0.82666024817801886"/>
          <c:h val="0.65912989104147046"/>
        </c:manualLayout>
      </c:layout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Gross ave parts cost per repair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numRef>
              <c:f>Sheet1!$A$2:$A$5</c:f>
              <c:numCache>
                <c:formatCode>General</c:formatCode>
                <c:ptCount val="4"/>
                <c:pt idx="0">
                  <c:v>2020</c:v>
                </c:pt>
                <c:pt idx="1">
                  <c:v>2021</c:v>
                </c:pt>
                <c:pt idx="2">
                  <c:v>2022</c:v>
                </c:pt>
                <c:pt idx="3">
                  <c:v>2023</c:v>
                </c:pt>
              </c:numCache>
            </c:numRef>
          </c:cat>
          <c:val>
            <c:numRef>
              <c:f>Sheet1!$B$2:$B$5</c:f>
              <c:numCache>
                <c:formatCode>"£"#,##0.00_);[Red]\("£"#,##0.00\)</c:formatCode>
                <c:ptCount val="4"/>
                <c:pt idx="0">
                  <c:v>1066.8800000000001</c:v>
                </c:pt>
                <c:pt idx="1">
                  <c:v>1281.76</c:v>
                </c:pt>
                <c:pt idx="2">
                  <c:v>1728.69</c:v>
                </c:pt>
                <c:pt idx="3">
                  <c:v>1604.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C501-4A66-BBBF-53AEB383FE6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817517592"/>
        <c:axId val="817518248"/>
      </c:lineChart>
      <c:catAx>
        <c:axId val="81751759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17518248"/>
        <c:crosses val="autoZero"/>
        <c:auto val="1"/>
        <c:lblAlgn val="ctr"/>
        <c:lblOffset val="100"/>
        <c:noMultiLvlLbl val="0"/>
      </c:catAx>
      <c:valAx>
        <c:axId val="81751824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&quot;£&quot;#,##0.00_);[Red]\(&quot;£&quot;#,##0.00\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1751759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 b="0" dirty="0"/>
              <a:t>Average Total Repair Cost</a:t>
            </a:r>
          </a:p>
        </c:rich>
      </c:tx>
      <c:layout>
        <c:manualLayout>
          <c:xMode val="edge"/>
          <c:yMode val="edge"/>
          <c:x val="0.33237583207945204"/>
          <c:y val="4.8810766040774285E-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10955817143294201"/>
          <c:y val="6.4942916385620428E-2"/>
          <c:w val="0.86820995293198178"/>
          <c:h val="0.67064570494084097"/>
        </c:manualLayout>
      </c:layout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2020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A$2:$A$13</c:f>
              <c:strCache>
                <c:ptCount val="12"/>
                <c:pt idx="0">
                  <c:v>Jan</c:v>
                </c:pt>
                <c:pt idx="1">
                  <c:v>Feb</c:v>
                </c:pt>
                <c:pt idx="2">
                  <c:v>Mar</c:v>
                </c:pt>
                <c:pt idx="3">
                  <c:v>Apr</c:v>
                </c:pt>
                <c:pt idx="4">
                  <c:v>May</c:v>
                </c:pt>
                <c:pt idx="5">
                  <c:v>Jun</c:v>
                </c:pt>
                <c:pt idx="6">
                  <c:v>Jul</c:v>
                </c:pt>
                <c:pt idx="7">
                  <c:v>Aug</c:v>
                </c:pt>
                <c:pt idx="8">
                  <c:v>Sep</c:v>
                </c:pt>
                <c:pt idx="9">
                  <c:v>Oct</c:v>
                </c:pt>
                <c:pt idx="10">
                  <c:v>Nov</c:v>
                </c:pt>
                <c:pt idx="11">
                  <c:v>Dec</c:v>
                </c:pt>
              </c:strCache>
            </c:strRef>
          </c:cat>
          <c:val>
            <c:numRef>
              <c:f>Sheet1!$B$2:$B$13</c:f>
              <c:numCache>
                <c:formatCode>"£"#,##0.00</c:formatCode>
                <c:ptCount val="12"/>
                <c:pt idx="0">
                  <c:v>2344.92</c:v>
                </c:pt>
                <c:pt idx="1">
                  <c:v>2132.23</c:v>
                </c:pt>
                <c:pt idx="2">
                  <c:v>2535.2199999999998</c:v>
                </c:pt>
                <c:pt idx="3">
                  <c:v>2640.91</c:v>
                </c:pt>
                <c:pt idx="4">
                  <c:v>2384.31</c:v>
                </c:pt>
                <c:pt idx="5">
                  <c:v>2520.4699999999998</c:v>
                </c:pt>
                <c:pt idx="6">
                  <c:v>2401.94</c:v>
                </c:pt>
                <c:pt idx="7">
                  <c:v>2470.64</c:v>
                </c:pt>
                <c:pt idx="8">
                  <c:v>2282.3000000000002</c:v>
                </c:pt>
                <c:pt idx="9">
                  <c:v>2575.6</c:v>
                </c:pt>
                <c:pt idx="10">
                  <c:v>2573.08</c:v>
                </c:pt>
                <c:pt idx="11">
                  <c:v>2541.6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6E7A-45D5-BC82-A7EBB7DE87BB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2021</c:v>
                </c:pt>
              </c:strCache>
            </c:strRef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$2:$A$13</c:f>
              <c:strCache>
                <c:ptCount val="12"/>
                <c:pt idx="0">
                  <c:v>Jan</c:v>
                </c:pt>
                <c:pt idx="1">
                  <c:v>Feb</c:v>
                </c:pt>
                <c:pt idx="2">
                  <c:v>Mar</c:v>
                </c:pt>
                <c:pt idx="3">
                  <c:v>Apr</c:v>
                </c:pt>
                <c:pt idx="4">
                  <c:v>May</c:v>
                </c:pt>
                <c:pt idx="5">
                  <c:v>Jun</c:v>
                </c:pt>
                <c:pt idx="6">
                  <c:v>Jul</c:v>
                </c:pt>
                <c:pt idx="7">
                  <c:v>Aug</c:v>
                </c:pt>
                <c:pt idx="8">
                  <c:v>Sep</c:v>
                </c:pt>
                <c:pt idx="9">
                  <c:v>Oct</c:v>
                </c:pt>
                <c:pt idx="10">
                  <c:v>Nov</c:v>
                </c:pt>
                <c:pt idx="11">
                  <c:v>Dec</c:v>
                </c:pt>
              </c:strCache>
            </c:strRef>
          </c:cat>
          <c:val>
            <c:numRef>
              <c:f>Sheet1!$C$2:$C$13</c:f>
              <c:numCache>
                <c:formatCode>"£"#,##0.00</c:formatCode>
                <c:ptCount val="12"/>
                <c:pt idx="0">
                  <c:v>2726.62</c:v>
                </c:pt>
                <c:pt idx="1">
                  <c:v>2773.04</c:v>
                </c:pt>
                <c:pt idx="2">
                  <c:v>2291.63</c:v>
                </c:pt>
                <c:pt idx="3">
                  <c:v>2571.86</c:v>
                </c:pt>
                <c:pt idx="4">
                  <c:v>2685.31</c:v>
                </c:pt>
                <c:pt idx="5">
                  <c:v>2468.9</c:v>
                </c:pt>
                <c:pt idx="6">
                  <c:v>2630.36</c:v>
                </c:pt>
                <c:pt idx="7">
                  <c:v>2658.56</c:v>
                </c:pt>
                <c:pt idx="8">
                  <c:v>2756.11</c:v>
                </c:pt>
                <c:pt idx="9">
                  <c:v>3011.22</c:v>
                </c:pt>
                <c:pt idx="10">
                  <c:v>3427.94</c:v>
                </c:pt>
                <c:pt idx="11">
                  <c:v>3172.26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6E7A-45D5-BC82-A7EBB7DE87BB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2022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cat>
            <c:strRef>
              <c:f>Sheet1!$A$2:$A$13</c:f>
              <c:strCache>
                <c:ptCount val="12"/>
                <c:pt idx="0">
                  <c:v>Jan</c:v>
                </c:pt>
                <c:pt idx="1">
                  <c:v>Feb</c:v>
                </c:pt>
                <c:pt idx="2">
                  <c:v>Mar</c:v>
                </c:pt>
                <c:pt idx="3">
                  <c:v>Apr</c:v>
                </c:pt>
                <c:pt idx="4">
                  <c:v>May</c:v>
                </c:pt>
                <c:pt idx="5">
                  <c:v>Jun</c:v>
                </c:pt>
                <c:pt idx="6">
                  <c:v>Jul</c:v>
                </c:pt>
                <c:pt idx="7">
                  <c:v>Aug</c:v>
                </c:pt>
                <c:pt idx="8">
                  <c:v>Sep</c:v>
                </c:pt>
                <c:pt idx="9">
                  <c:v>Oct</c:v>
                </c:pt>
                <c:pt idx="10">
                  <c:v>Nov</c:v>
                </c:pt>
                <c:pt idx="11">
                  <c:v>Dec</c:v>
                </c:pt>
              </c:strCache>
            </c:strRef>
          </c:cat>
          <c:val>
            <c:numRef>
              <c:f>Sheet1!$D$2:$D$13</c:f>
              <c:numCache>
                <c:formatCode>"£"#,##0.00</c:formatCode>
                <c:ptCount val="12"/>
                <c:pt idx="0">
                  <c:v>4107.45</c:v>
                </c:pt>
                <c:pt idx="1">
                  <c:v>3246.66</c:v>
                </c:pt>
                <c:pt idx="2">
                  <c:v>3928.82</c:v>
                </c:pt>
                <c:pt idx="3">
                  <c:v>3895.28</c:v>
                </c:pt>
                <c:pt idx="4">
                  <c:v>3953.09</c:v>
                </c:pt>
                <c:pt idx="5">
                  <c:v>3708.86</c:v>
                </c:pt>
                <c:pt idx="6">
                  <c:v>3356.26</c:v>
                </c:pt>
                <c:pt idx="7">
                  <c:v>3697.15</c:v>
                </c:pt>
                <c:pt idx="8">
                  <c:v>4030.91</c:v>
                </c:pt>
                <c:pt idx="9">
                  <c:v>3621.58</c:v>
                </c:pt>
                <c:pt idx="10">
                  <c:v>3480.12</c:v>
                </c:pt>
                <c:pt idx="11">
                  <c:v>3407.7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6E7A-45D5-BC82-A7EBB7DE87BB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2023</c:v>
                </c:pt>
              </c:strCache>
            </c:strRef>
          </c:tx>
          <c:spPr>
            <a:ln w="28575" cap="rnd">
              <a:solidFill>
                <a:schemeClr val="accent4"/>
              </a:solidFill>
              <a:round/>
            </a:ln>
            <a:effectLst/>
          </c:spPr>
          <c:marker>
            <c:symbol val="none"/>
          </c:marker>
          <c:cat>
            <c:strRef>
              <c:f>Sheet1!$A$2:$A$13</c:f>
              <c:strCache>
                <c:ptCount val="12"/>
                <c:pt idx="0">
                  <c:v>Jan</c:v>
                </c:pt>
                <c:pt idx="1">
                  <c:v>Feb</c:v>
                </c:pt>
                <c:pt idx="2">
                  <c:v>Mar</c:v>
                </c:pt>
                <c:pt idx="3">
                  <c:v>Apr</c:v>
                </c:pt>
                <c:pt idx="4">
                  <c:v>May</c:v>
                </c:pt>
                <c:pt idx="5">
                  <c:v>Jun</c:v>
                </c:pt>
                <c:pt idx="6">
                  <c:v>Jul</c:v>
                </c:pt>
                <c:pt idx="7">
                  <c:v>Aug</c:v>
                </c:pt>
                <c:pt idx="8">
                  <c:v>Sep</c:v>
                </c:pt>
                <c:pt idx="9">
                  <c:v>Oct</c:v>
                </c:pt>
                <c:pt idx="10">
                  <c:v>Nov</c:v>
                </c:pt>
                <c:pt idx="11">
                  <c:v>Dec</c:v>
                </c:pt>
              </c:strCache>
            </c:strRef>
          </c:cat>
          <c:val>
            <c:numRef>
              <c:f>Sheet1!$E$2:$E$13</c:f>
              <c:numCache>
                <c:formatCode>"£"#,##0.00</c:formatCode>
                <c:ptCount val="12"/>
                <c:pt idx="0">
                  <c:v>3775.8</c:v>
                </c:pt>
                <c:pt idx="1">
                  <c:v>3349.11</c:v>
                </c:pt>
                <c:pt idx="2">
                  <c:v>3711.7</c:v>
                </c:pt>
                <c:pt idx="3">
                  <c:v>3693.65</c:v>
                </c:pt>
                <c:pt idx="4">
                  <c:v>3498.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6E7A-45D5-BC82-A7EBB7DE87B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822912432"/>
        <c:axId val="822914728"/>
      </c:lineChart>
      <c:catAx>
        <c:axId val="82291243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22914728"/>
        <c:crosses val="autoZero"/>
        <c:auto val="1"/>
        <c:lblAlgn val="ctr"/>
        <c:lblOffset val="100"/>
        <c:noMultiLvlLbl val="0"/>
      </c:catAx>
      <c:valAx>
        <c:axId val="82291472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&quot;£&quot;#,##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2291243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Lead Time (Weeks)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1!$A$2:$A$15</c:f>
              <c:strCache>
                <c:ptCount val="14"/>
                <c:pt idx="0">
                  <c:v>Audi</c:v>
                </c:pt>
                <c:pt idx="1">
                  <c:v>BMW</c:v>
                </c:pt>
                <c:pt idx="2">
                  <c:v>Ford</c:v>
                </c:pt>
                <c:pt idx="3">
                  <c:v>Hyundai</c:v>
                </c:pt>
                <c:pt idx="4">
                  <c:v>Jaguar</c:v>
                </c:pt>
                <c:pt idx="5">
                  <c:v>Kia</c:v>
                </c:pt>
                <c:pt idx="6">
                  <c:v>Land Rover </c:v>
                </c:pt>
                <c:pt idx="7">
                  <c:v>Mercedes</c:v>
                </c:pt>
                <c:pt idx="8">
                  <c:v>Nissan</c:v>
                </c:pt>
                <c:pt idx="9">
                  <c:v>Peugeot</c:v>
                </c:pt>
                <c:pt idx="10">
                  <c:v>Seat</c:v>
                </c:pt>
                <c:pt idx="11">
                  <c:v>Skoda</c:v>
                </c:pt>
                <c:pt idx="12">
                  <c:v>Toyota</c:v>
                </c:pt>
                <c:pt idx="13">
                  <c:v>VW</c:v>
                </c:pt>
              </c:strCache>
            </c:strRef>
          </c:cat>
          <c:val>
            <c:numRef>
              <c:f>Sheet1!$B$2:$B$15</c:f>
              <c:numCache>
                <c:formatCode>General</c:formatCode>
                <c:ptCount val="14"/>
                <c:pt idx="0">
                  <c:v>25</c:v>
                </c:pt>
                <c:pt idx="1">
                  <c:v>36</c:v>
                </c:pt>
                <c:pt idx="2">
                  <c:v>27</c:v>
                </c:pt>
                <c:pt idx="3">
                  <c:v>36</c:v>
                </c:pt>
                <c:pt idx="4">
                  <c:v>41</c:v>
                </c:pt>
                <c:pt idx="5">
                  <c:v>40</c:v>
                </c:pt>
                <c:pt idx="6">
                  <c:v>29</c:v>
                </c:pt>
                <c:pt idx="7">
                  <c:v>33</c:v>
                </c:pt>
                <c:pt idx="8">
                  <c:v>36</c:v>
                </c:pt>
                <c:pt idx="9">
                  <c:v>27</c:v>
                </c:pt>
                <c:pt idx="10">
                  <c:v>38</c:v>
                </c:pt>
                <c:pt idx="11">
                  <c:v>34</c:v>
                </c:pt>
                <c:pt idx="12">
                  <c:v>24</c:v>
                </c:pt>
                <c:pt idx="13">
                  <c:v>4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E85-4E5F-9DAA-D7743AFD72F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axId val="932758344"/>
        <c:axId val="932762936"/>
      </c:barChart>
      <c:catAx>
        <c:axId val="93275834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32762936"/>
        <c:crosses val="autoZero"/>
        <c:auto val="1"/>
        <c:lblAlgn val="ctr"/>
        <c:lblOffset val="100"/>
        <c:noMultiLvlLbl val="0"/>
      </c:catAx>
      <c:valAx>
        <c:axId val="93276293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3275834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3">
  <a:schemeClr val="accent6"/>
  <a:schemeClr val="accent5"/>
  <a:schemeClr val="accent4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32DF5643-FFFF-4193-816A-2321061A519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5D1D74E-5815-43B2-8D78-828E164A724E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ED1282F-E2AC-4960-AD7D-44381D241442}" type="datetimeFigureOut">
              <a:rPr lang="en-GB" smtClean="0"/>
              <a:t>01/06/2023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E7A1E06-22DE-4E03-9ED2-EA7D8B86012B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50B3E9-FEE8-44FD-87D8-78881241D23F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53BBF95-8ED7-4182-984E-23ECB5F2C4D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338716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159703A-D0FB-412B-9C8E-87F544CA4D34}" type="datetimeFigureOut">
              <a:rPr lang="en-GB" smtClean="0"/>
              <a:t>01/06/2023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4328435-249F-4604-8D28-64C290C564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4025501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4" Type="http://schemas.openxmlformats.org/officeDocument/2006/relationships/image" Target="../media/image5.png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4" Type="http://schemas.openxmlformats.org/officeDocument/2006/relationships/image" Target="../media/image5.png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5" Type="http://schemas.openxmlformats.org/officeDocument/2006/relationships/image" Target="../media/image2.png"/><Relationship Id="rId4" Type="http://schemas.openxmlformats.org/officeDocument/2006/relationships/image" Target="../media/image6.jp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4" Type="http://schemas.openxmlformats.org/officeDocument/2006/relationships/image" Target="../media/image5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5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4" Type="http://schemas.openxmlformats.org/officeDocument/2006/relationships/image" Target="../media/image5.pn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9.xml"/><Relationship Id="rId1" Type="http://schemas.openxmlformats.org/officeDocument/2006/relationships/tags" Target="../tags/tag28.xml"/><Relationship Id="rId4" Type="http://schemas.openxmlformats.org/officeDocument/2006/relationships/image" Target="../media/image5.png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1.xml"/><Relationship Id="rId1" Type="http://schemas.openxmlformats.org/officeDocument/2006/relationships/tags" Target="../tags/tag30.xml"/><Relationship Id="rId4" Type="http://schemas.openxmlformats.org/officeDocument/2006/relationships/image" Target="../media/image5.png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3.xml"/><Relationship Id="rId1" Type="http://schemas.openxmlformats.org/officeDocument/2006/relationships/tags" Target="../tags/tag32.xml"/><Relationship Id="rId4" Type="http://schemas.openxmlformats.org/officeDocument/2006/relationships/image" Target="../media/image5.png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5.xml"/><Relationship Id="rId1" Type="http://schemas.openxmlformats.org/officeDocument/2006/relationships/tags" Target="../tags/tag34.xml"/><Relationship Id="rId4" Type="http://schemas.openxmlformats.org/officeDocument/2006/relationships/image" Target="../media/image5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7.xml"/><Relationship Id="rId1" Type="http://schemas.openxmlformats.org/officeDocument/2006/relationships/tags" Target="../tags/tag36.xml"/><Relationship Id="rId4" Type="http://schemas.openxmlformats.org/officeDocument/2006/relationships/image" Target="../media/image2.png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9.xml"/><Relationship Id="rId1" Type="http://schemas.openxmlformats.org/officeDocument/2006/relationships/tags" Target="../tags/tag38.xml"/><Relationship Id="rId4" Type="http://schemas.openxmlformats.org/officeDocument/2006/relationships/image" Target="../media/image2.pn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1.xml"/><Relationship Id="rId1" Type="http://schemas.openxmlformats.org/officeDocument/2006/relationships/tags" Target="../tags/tag40.xml"/><Relationship Id="rId4" Type="http://schemas.openxmlformats.org/officeDocument/2006/relationships/image" Target="../media/image2.png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3.xml"/><Relationship Id="rId1" Type="http://schemas.openxmlformats.org/officeDocument/2006/relationships/tags" Target="../tags/tag42.xml"/><Relationship Id="rId4" Type="http://schemas.openxmlformats.org/officeDocument/2006/relationships/image" Target="../media/image2.png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5.xml"/><Relationship Id="rId1" Type="http://schemas.openxmlformats.org/officeDocument/2006/relationships/tags" Target="../tags/tag44.xml"/><Relationship Id="rId4" Type="http://schemas.openxmlformats.org/officeDocument/2006/relationships/image" Target="../media/image2.png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7.xml"/><Relationship Id="rId1" Type="http://schemas.openxmlformats.org/officeDocument/2006/relationships/tags" Target="../tags/tag46.xml"/><Relationship Id="rId4" Type="http://schemas.openxmlformats.org/officeDocument/2006/relationships/image" Target="../media/image2.png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9.xml"/><Relationship Id="rId1" Type="http://schemas.openxmlformats.org/officeDocument/2006/relationships/tags" Target="../tags/tag48.xml"/><Relationship Id="rId4" Type="http://schemas.openxmlformats.org/officeDocument/2006/relationships/image" Target="../media/image2.png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1.xml"/><Relationship Id="rId1" Type="http://schemas.openxmlformats.org/officeDocument/2006/relationships/tags" Target="../tags/tag50.xml"/><Relationship Id="rId4" Type="http://schemas.openxmlformats.org/officeDocument/2006/relationships/image" Target="../media/image2.png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3.xml"/><Relationship Id="rId1" Type="http://schemas.openxmlformats.org/officeDocument/2006/relationships/tags" Target="../tags/tag52.xml"/><Relationship Id="rId5" Type="http://schemas.openxmlformats.org/officeDocument/2006/relationships/image" Target="../media/image2.png"/><Relationship Id="rId4" Type="http://schemas.openxmlformats.org/officeDocument/2006/relationships/image" Target="../media/image6.jpg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5.xml"/><Relationship Id="rId1" Type="http://schemas.openxmlformats.org/officeDocument/2006/relationships/tags" Target="../tags/tag54.xml"/><Relationship Id="rId4" Type="http://schemas.openxmlformats.org/officeDocument/2006/relationships/image" Target="../media/image2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6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8.xml"/><Relationship Id="rId1" Type="http://schemas.openxmlformats.org/officeDocument/2006/relationships/tags" Target="../tags/tag57.xml"/><Relationship Id="rId4" Type="http://schemas.openxmlformats.org/officeDocument/2006/relationships/image" Target="../media/image2.png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60.xml"/><Relationship Id="rId1" Type="http://schemas.openxmlformats.org/officeDocument/2006/relationships/tags" Target="../tags/tag59.xml"/><Relationship Id="rId4" Type="http://schemas.openxmlformats.org/officeDocument/2006/relationships/image" Target="../media/image2.png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62.xml"/><Relationship Id="rId1" Type="http://schemas.openxmlformats.org/officeDocument/2006/relationships/tags" Target="../tags/tag61.xml"/><Relationship Id="rId4" Type="http://schemas.openxmlformats.org/officeDocument/2006/relationships/image" Target="../media/image2.png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64.xml"/><Relationship Id="rId1" Type="http://schemas.openxmlformats.org/officeDocument/2006/relationships/tags" Target="../tags/tag63.xml"/><Relationship Id="rId4" Type="http://schemas.openxmlformats.org/officeDocument/2006/relationships/image" Target="../media/image2.png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5.xml"/><Relationship Id="rId4" Type="http://schemas.openxmlformats.org/officeDocument/2006/relationships/image" Target="../media/image2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4" Type="http://schemas.openxmlformats.org/officeDocument/2006/relationships/image" Target="../media/image5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4" Type="http://schemas.openxmlformats.org/officeDocument/2006/relationships/image" Target="../media/image5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4" Type="http://schemas.openxmlformats.org/officeDocument/2006/relationships/image" Target="../media/image5.pn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2.xml"/><Relationship Id="rId1" Type="http://schemas.openxmlformats.org/officeDocument/2006/relationships/tags" Target="../tags/tag11.xml"/><Relationship Id="rId4" Type="http://schemas.openxmlformats.org/officeDocument/2006/relationships/image" Target="../media/image5.pn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4" Type="http://schemas.openxmlformats.org/officeDocument/2006/relationships/image" Target="../media/image5.png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4" Type="http://schemas.openxmlformats.org/officeDocument/2006/relationships/image" Target="../media/image5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0728FC81-0051-4701-B028-99C0BDBBF8B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6D5B9A92-2D56-4D33-B0D5-0143A602B06C}"/>
              </a:ext>
            </a:extLst>
          </p:cNvPr>
          <p:cNvSpPr/>
          <p:nvPr userDrawn="1"/>
        </p:nvSpPr>
        <p:spPr>
          <a:xfrm>
            <a:off x="0" y="0"/>
            <a:ext cx="12193591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alpha val="59000"/>
                </a:schemeClr>
              </a:gs>
              <a:gs pos="71000">
                <a:schemeClr val="tx2">
                  <a:alpha val="94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4" name="text" descr="{&quot;templafy&quot;:{&quot;id&quot;:&quot;f36514e1-b2fb-4329-bfc3-9075de0b3962&quot;}}" title="Form.Title">
            <a:extLst>
              <a:ext uri="{FF2B5EF4-FFF2-40B4-BE49-F238E27FC236}">
                <a16:creationId xmlns:a16="http://schemas.microsoft.com/office/drawing/2014/main" id="{BBB12741-FEB6-426D-B268-8C9733A83C10}"/>
              </a:ext>
            </a:extLst>
          </p:cNvPr>
          <p:cNvSpPr/>
          <p:nvPr userDrawn="1"/>
        </p:nvSpPr>
        <p:spPr>
          <a:xfrm>
            <a:off x="719136" y="4308475"/>
            <a:ext cx="10764000" cy="92284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4000" b="1" kern="12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Motor Claims Inflation</a:t>
            </a:r>
          </a:p>
        </p:txBody>
      </p:sp>
      <p:sp>
        <p:nvSpPr>
          <p:cNvPr id="5" name="text1" descr="{&quot;templafy&quot;:{&quot;id&quot;:&quot;b852669d-3e58-428f-ad63-7bf18818aaad&quot;}}" title="Form.Subtitle">
            <a:extLst>
              <a:ext uri="{FF2B5EF4-FFF2-40B4-BE49-F238E27FC236}">
                <a16:creationId xmlns:a16="http://schemas.microsoft.com/office/drawing/2014/main" id="{676DF41D-38B8-4FB4-AAB5-9DC0287890F5}"/>
              </a:ext>
            </a:extLst>
          </p:cNvPr>
          <p:cNvSpPr/>
          <p:nvPr userDrawn="1"/>
        </p:nvSpPr>
        <p:spPr>
          <a:xfrm>
            <a:off x="719137" y="5270548"/>
            <a:ext cx="10764000" cy="432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800" b="0" kern="1200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rPr>
              <a:t>2020-2023</a:t>
            </a:r>
          </a:p>
        </p:txBody>
      </p:sp>
      <p:sp>
        <p:nvSpPr>
          <p:cNvPr id="6" name="date" descr="{&quot;templafy&quot;:{&quot;id&quot;:&quot;2ca5b2a9-6408-4e04-aa2b-d985dd35f889&quot;}}" hidden="1" title="Form.Date">
            <a:extLst>
              <a:ext uri="{FF2B5EF4-FFF2-40B4-BE49-F238E27FC236}">
                <a16:creationId xmlns:a16="http://schemas.microsoft.com/office/drawing/2014/main" id="{7FDC3F9B-A382-46A6-A0A7-BCFBD1FFD604}"/>
              </a:ext>
            </a:extLst>
          </p:cNvPr>
          <p:cNvSpPr/>
          <p:nvPr userDrawn="1"/>
        </p:nvSpPr>
        <p:spPr>
          <a:xfrm>
            <a:off x="719136" y="5742029"/>
            <a:ext cx="10764000" cy="432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400" b="0" kern="1200" dirty="0">
                <a:solidFill>
                  <a:schemeClr val="accent1"/>
                </a:solidFill>
                <a:latin typeface="+mn-lt"/>
                <a:ea typeface="+mn-ea"/>
                <a:cs typeface="+mn-cs"/>
              </a:rPr>
              <a:t>28 April 2023</a:t>
            </a:r>
          </a:p>
        </p:txBody>
      </p:sp>
      <p:pic>
        <p:nvPicPr>
          <p:cNvPr id="402142327" name="image" descr="{&quot;templafy&quot;:{&quot;id&quot;:&quot;83ef3287-4b2b-4f97-b544-067155ac664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64100" y="2169484"/>
            <a:ext cx="4663800" cy="13663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08239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uides" hidden="1">
            <a:extLst>
              <a:ext uri="{FF2B5EF4-FFF2-40B4-BE49-F238E27FC236}">
                <a16:creationId xmlns:a16="http://schemas.microsoft.com/office/drawing/2014/main" id="{1CCC1DA6-3109-44AB-859A-3A8651415C8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26D59C5-94A5-4B26-94BD-5C95552D59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91D2CF7-C994-4B5C-80E0-B4E29DE99A3E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727B3C2D-6843-4D2C-8FC4-E8088A8BD3AD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D9A3C3E-EF35-45F0-807D-6B92948D186B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19999" y="1584001"/>
            <a:ext cx="10751275" cy="213233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A0A5E804-24C6-42E7-B7EA-89E8BEB051B2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6239999" y="4005663"/>
            <a:ext cx="5232000" cy="213233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5" name="Content Placeholder 12">
            <a:extLst>
              <a:ext uri="{FF2B5EF4-FFF2-40B4-BE49-F238E27FC236}">
                <a16:creationId xmlns:a16="http://schemas.microsoft.com/office/drawing/2014/main" id="{C9787096-AEE3-4E2B-AAA1-1661D9D6CB43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720002" y="4005663"/>
            <a:ext cx="5232000" cy="213233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1402563549" name="image" descr="{&quot;templafy&quot;:{&quot;id&quot;:&quot;4a4ec208-2094-4d56-a4b3-98440063a150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9" name="text" descr="{&quot;templafy&quot;:{&quot;id&quot;:&quot;738cd7fd-a73b-4527-8fa5-029397f3f470&quot;}}" title="Form.Division.Website">
            <a:extLst>
              <a:ext uri="{FF2B5EF4-FFF2-40B4-BE49-F238E27FC236}">
                <a16:creationId xmlns:a16="http://schemas.microsoft.com/office/drawing/2014/main" id="{D06373FF-CF70-43AA-8E06-E4219E5A2F6D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17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354183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orient="horz" pos="3866" userDrawn="1">
          <p15:clr>
            <a:srgbClr val="FF96FF"/>
          </p15:clr>
        </p15:guide>
        <p15:guide id="5" pos="453" userDrawn="1">
          <p15:clr>
            <a:srgbClr val="FF96FF"/>
          </p15:clr>
        </p15:guide>
        <p15:guide id="6" pos="3749" userDrawn="1">
          <p15:clr>
            <a:srgbClr val="FF96FF"/>
          </p15:clr>
        </p15:guide>
        <p15:guide id="7" pos="3930" userDrawn="1">
          <p15:clr>
            <a:srgbClr val="FF96FF"/>
          </p15:clr>
        </p15:guide>
        <p15:guide id="8" pos="7226" userDrawn="1">
          <p15:clr>
            <a:srgbClr val="FF96FF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uides" hidden="1">
            <a:extLst>
              <a:ext uri="{FF2B5EF4-FFF2-40B4-BE49-F238E27FC236}">
                <a16:creationId xmlns:a16="http://schemas.microsoft.com/office/drawing/2014/main" id="{1CCC1DA6-3109-44AB-859A-3A8651415C8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26D59C5-94A5-4B26-94BD-5C95552D59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91D2CF7-C994-4B5C-80E0-B4E29DE99A3E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727B3C2D-6843-4D2C-8FC4-E8088A8BD3AD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D9A3C3E-EF35-45F0-807D-6B92948D186B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20000" y="1584001"/>
            <a:ext cx="5218525" cy="213152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A0A5E804-24C6-42E7-B7EA-89E8BEB051B2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6238875" y="4003675"/>
            <a:ext cx="5233123" cy="213432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5" name="Content Placeholder 12">
            <a:extLst>
              <a:ext uri="{FF2B5EF4-FFF2-40B4-BE49-F238E27FC236}">
                <a16:creationId xmlns:a16="http://schemas.microsoft.com/office/drawing/2014/main" id="{9A39977A-34AD-485E-BCEB-F10E25228224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719137" y="4003675"/>
            <a:ext cx="5239269" cy="213432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6" name="Content Placeholder 12">
            <a:extLst>
              <a:ext uri="{FF2B5EF4-FFF2-40B4-BE49-F238E27FC236}">
                <a16:creationId xmlns:a16="http://schemas.microsoft.com/office/drawing/2014/main" id="{2B8617E7-2328-4C11-BC65-31DE83F4AF00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253476" y="1583999"/>
            <a:ext cx="5204502" cy="2131497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922233348" name="image" descr="{&quot;templafy&quot;:{&quot;id&quot;:&quot;c623d2a2-5b75-4a0f-b99e-04e759c98f96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20" name="text" descr="{&quot;templafy&quot;:{&quot;id&quot;:&quot;4721225f-478c-4583-bdf6-0592dc9771cd&quot;}}" title="Form.Division.Website">
            <a:extLst>
              <a:ext uri="{FF2B5EF4-FFF2-40B4-BE49-F238E27FC236}">
                <a16:creationId xmlns:a16="http://schemas.microsoft.com/office/drawing/2014/main" id="{229E94C3-81AC-44CE-AC44-A1884C52BCBE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18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610956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orient="horz" pos="3866" userDrawn="1">
          <p15:clr>
            <a:srgbClr val="FF96FF"/>
          </p15:clr>
        </p15:guide>
        <p15:guide id="5" pos="453" userDrawn="1">
          <p15:clr>
            <a:srgbClr val="FF96FF"/>
          </p15:clr>
        </p15:guide>
        <p15:guide id="6" pos="3749" userDrawn="1">
          <p15:clr>
            <a:srgbClr val="FF96FF"/>
          </p15:clr>
        </p15:guide>
        <p15:guide id="7" pos="3930" userDrawn="1">
          <p15:clr>
            <a:srgbClr val="FF96FF"/>
          </p15:clr>
        </p15:guide>
        <p15:guide id="8" pos="7226" userDrawn="1">
          <p15:clr>
            <a:srgbClr val="FF96FF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_Margin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437341F8-B0E1-4065-A36B-1C46AC79323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3388" r="10886" b="138"/>
          <a:stretch/>
        </p:blipFill>
        <p:spPr>
          <a:xfrm>
            <a:off x="8999538" y="-9524"/>
            <a:ext cx="3192461" cy="6867524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6D5B9A92-2D56-4D33-B0D5-0143A602B06C}"/>
              </a:ext>
            </a:extLst>
          </p:cNvPr>
          <p:cNvSpPr/>
          <p:nvPr userDrawn="1"/>
        </p:nvSpPr>
        <p:spPr>
          <a:xfrm>
            <a:off x="8999538" y="0"/>
            <a:ext cx="3194053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alpha val="59000"/>
                </a:schemeClr>
              </a:gs>
              <a:gs pos="71000">
                <a:schemeClr val="tx2">
                  <a:alpha val="94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Guides" hidden="1">
            <a:extLst>
              <a:ext uri="{FF2B5EF4-FFF2-40B4-BE49-F238E27FC236}">
                <a16:creationId xmlns:a16="http://schemas.microsoft.com/office/drawing/2014/main" id="{1CCC1DA6-3109-44AB-859A-3A8651415C8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26D59C5-94A5-4B26-94BD-5C95552D59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91D2CF7-C994-4B5C-80E0-B4E29DE99A3E}"/>
              </a:ext>
            </a:extLst>
          </p:cNvPr>
          <p:cNvCxnSpPr>
            <a:cxnSpLocks/>
          </p:cNvCxnSpPr>
          <p:nvPr userDrawn="1"/>
        </p:nvCxnSpPr>
        <p:spPr>
          <a:xfrm>
            <a:off x="2241030" y="6535310"/>
            <a:ext cx="6758508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727B3C2D-6843-4D2C-8FC4-E8088A8BD3AD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bg1"/>
              </a:solidFill>
            </a:endParaRP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87705AD6-8B47-415B-88BF-1F57B04862E4}"/>
              </a:ext>
            </a:extLst>
          </p:cNvPr>
          <p:cNvCxnSpPr>
            <a:cxnSpLocks/>
          </p:cNvCxnSpPr>
          <p:nvPr userDrawn="1"/>
        </p:nvCxnSpPr>
        <p:spPr>
          <a:xfrm>
            <a:off x="8999538" y="6535310"/>
            <a:ext cx="2115669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AF54EBB2-B5DB-49C7-A29A-2C04D9ABD4F5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20000" y="1584000"/>
            <a:ext cx="7992000" cy="4554000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1804737849" name="image" descr="{&quot;templafy&quot;:{&quot;id&quot;:&quot;d7e797b1-a6d4-41d6-88aa-d0a253c2ffc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9" name="text" descr="{&quot;templafy&quot;:{&quot;id&quot;:&quot;d8eb1ad0-7568-4524-924a-1a578f822430&quot;}}" title="Form.Division.Website">
            <a:extLst>
              <a:ext uri="{FF2B5EF4-FFF2-40B4-BE49-F238E27FC236}">
                <a16:creationId xmlns:a16="http://schemas.microsoft.com/office/drawing/2014/main" id="{CDE43352-F538-4D6D-B27A-373779786C34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17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8280401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068225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orient="horz" pos="2341">
          <p15:clr>
            <a:srgbClr val="FF96FF"/>
          </p15:clr>
        </p15:guide>
        <p15:guide id="5" orient="horz" pos="2522">
          <p15:clr>
            <a:srgbClr val="FF96FF"/>
          </p15:clr>
        </p15:guide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uides" hidden="1">
            <a:extLst>
              <a:ext uri="{FF2B5EF4-FFF2-40B4-BE49-F238E27FC236}">
                <a16:creationId xmlns:a16="http://schemas.microsoft.com/office/drawing/2014/main" id="{1CCC1DA6-3109-44AB-859A-3A8651415C8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26D59C5-94A5-4B26-94BD-5C95552D59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91D2CF7-C994-4B5C-80E0-B4E29DE99A3E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727B3C2D-6843-4D2C-8FC4-E8088A8BD3AD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1281913217" name="image" descr="{&quot;templafy&quot;:{&quot;id&quot;:&quot;ed568f30-e4c8-414d-aaed-cccffdc59ebe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7" name="text" descr="{&quot;templafy&quot;:{&quot;id&quot;:&quot;77e1829e-3ec7-44ca-9537-6c8be06ad06a&quot;}}" title="Form.Division.Website">
            <a:extLst>
              <a:ext uri="{FF2B5EF4-FFF2-40B4-BE49-F238E27FC236}">
                <a16:creationId xmlns:a16="http://schemas.microsoft.com/office/drawing/2014/main" id="{0FAFF3B8-51EF-42E1-A56E-8B7B3BDDCD55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12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6112349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orient="horz" pos="3866" userDrawn="1">
          <p15:clr>
            <a:srgbClr val="FF96FF"/>
          </p15:clr>
        </p15:guide>
        <p15:guide id="5" pos="453" userDrawn="1">
          <p15:clr>
            <a:srgbClr val="FF96FF"/>
          </p15:clr>
        </p15:guide>
        <p15:guide id="6" pos="3749" userDrawn="1">
          <p15:clr>
            <a:srgbClr val="FF96FF"/>
          </p15:clr>
        </p15:guide>
        <p15:guide id="7" pos="3930" userDrawn="1">
          <p15:clr>
            <a:srgbClr val="FF96FF"/>
          </p15:clr>
        </p15:guide>
        <p15:guide id="8" pos="7226" userDrawn="1">
          <p15:clr>
            <a:srgbClr val="FF96FF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uides" hidden="1">
            <a:extLst>
              <a:ext uri="{FF2B5EF4-FFF2-40B4-BE49-F238E27FC236}">
                <a16:creationId xmlns:a16="http://schemas.microsoft.com/office/drawing/2014/main" id="{1CCC1DA6-3109-44AB-859A-3A8651415C8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26D59C5-94A5-4B26-94BD-5C95552D59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91D2CF7-C994-4B5C-80E0-B4E29DE99A3E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727B3C2D-6843-4D2C-8FC4-E8088A8BD3AD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Graphic 3">
            <a:extLst>
              <a:ext uri="{FF2B5EF4-FFF2-40B4-BE49-F238E27FC236}">
                <a16:creationId xmlns:a16="http://schemas.microsoft.com/office/drawing/2014/main" id="{3E5A0BAD-FAAF-4827-98B6-B0AB103B5115}"/>
              </a:ext>
            </a:extLst>
          </p:cNvPr>
          <p:cNvSpPr/>
          <p:nvPr/>
        </p:nvSpPr>
        <p:spPr>
          <a:xfrm>
            <a:off x="714004" y="1577975"/>
            <a:ext cx="687522" cy="517525"/>
          </a:xfrm>
          <a:custGeom>
            <a:avLst/>
            <a:gdLst>
              <a:gd name="connsiteX0" fmla="*/ 549223 w 1681441"/>
              <a:gd name="connsiteY0" fmla="*/ 695110 h 1265688"/>
              <a:gd name="connsiteX1" fmla="*/ 549223 w 1681441"/>
              <a:gd name="connsiteY1" fmla="*/ 1036379 h 1265688"/>
              <a:gd name="connsiteX2" fmla="*/ 534195 w 1681441"/>
              <a:gd name="connsiteY2" fmla="*/ 1156605 h 1265688"/>
              <a:gd name="connsiteX3" fmla="*/ 483475 w 1681441"/>
              <a:gd name="connsiteY3" fmla="*/ 1226111 h 1265688"/>
              <a:gd name="connsiteX4" fmla="*/ 396436 w 1681441"/>
              <a:gd name="connsiteY4" fmla="*/ 1258046 h 1265688"/>
              <a:gd name="connsiteX5" fmla="*/ 271199 w 1681441"/>
              <a:gd name="connsiteY5" fmla="*/ 1265560 h 1265688"/>
              <a:gd name="connsiteX6" fmla="*/ 145963 w 1681441"/>
              <a:gd name="connsiteY6" fmla="*/ 1258046 h 1265688"/>
              <a:gd name="connsiteX7" fmla="*/ 63308 w 1681441"/>
              <a:gd name="connsiteY7" fmla="*/ 1226111 h 1265688"/>
              <a:gd name="connsiteX8" fmla="*/ 15718 w 1681441"/>
              <a:gd name="connsiteY8" fmla="*/ 1156605 h 1265688"/>
              <a:gd name="connsiteX9" fmla="*/ 63 w 1681441"/>
              <a:gd name="connsiteY9" fmla="*/ 1036379 h 1265688"/>
              <a:gd name="connsiteX10" fmla="*/ 8203 w 1681441"/>
              <a:gd name="connsiteY10" fmla="*/ 882338 h 1265688"/>
              <a:gd name="connsiteX11" fmla="*/ 33251 w 1681441"/>
              <a:gd name="connsiteY11" fmla="*/ 748336 h 1265688"/>
              <a:gd name="connsiteX12" fmla="*/ 80841 w 1681441"/>
              <a:gd name="connsiteY12" fmla="*/ 623100 h 1265688"/>
              <a:gd name="connsiteX13" fmla="*/ 152225 w 1681441"/>
              <a:gd name="connsiteY13" fmla="*/ 502247 h 1265688"/>
              <a:gd name="connsiteX14" fmla="*/ 434006 w 1681441"/>
              <a:gd name="connsiteY14" fmla="*/ 81453 h 1265688"/>
              <a:gd name="connsiteX15" fmla="*/ 465942 w 1681441"/>
              <a:gd name="connsiteY15" fmla="*/ 43883 h 1265688"/>
              <a:gd name="connsiteX16" fmla="*/ 507896 w 1681441"/>
              <a:gd name="connsiteY16" fmla="*/ 18835 h 1265688"/>
              <a:gd name="connsiteX17" fmla="*/ 570514 w 1681441"/>
              <a:gd name="connsiteY17" fmla="*/ 4433 h 1265688"/>
              <a:gd name="connsiteX18" fmla="*/ 656301 w 1681441"/>
              <a:gd name="connsiteY18" fmla="*/ 50 h 1265688"/>
              <a:gd name="connsiteX19" fmla="*/ 748349 w 1681441"/>
              <a:gd name="connsiteY19" fmla="*/ 4433 h 1265688"/>
              <a:gd name="connsiteX20" fmla="*/ 801574 w 1681441"/>
              <a:gd name="connsiteY20" fmla="*/ 20714 h 1265688"/>
              <a:gd name="connsiteX21" fmla="*/ 819107 w 1681441"/>
              <a:gd name="connsiteY21" fmla="*/ 50770 h 1265688"/>
              <a:gd name="connsiteX22" fmla="*/ 810341 w 1681441"/>
              <a:gd name="connsiteY22" fmla="*/ 92724 h 1265688"/>
              <a:gd name="connsiteX23" fmla="*/ 1414605 w 1681441"/>
              <a:gd name="connsiteY23" fmla="*/ 695110 h 1265688"/>
              <a:gd name="connsiteX24" fmla="*/ 1414605 w 1681441"/>
              <a:gd name="connsiteY24" fmla="*/ 1036379 h 1265688"/>
              <a:gd name="connsiteX25" fmla="*/ 1397698 w 1681441"/>
              <a:gd name="connsiteY25" fmla="*/ 1156605 h 1265688"/>
              <a:gd name="connsiteX26" fmla="*/ 1346977 w 1681441"/>
              <a:gd name="connsiteY26" fmla="*/ 1226111 h 1265688"/>
              <a:gd name="connsiteX27" fmla="*/ 1259312 w 1681441"/>
              <a:gd name="connsiteY27" fmla="*/ 1258046 h 1265688"/>
              <a:gd name="connsiteX28" fmla="*/ 1134076 w 1681441"/>
              <a:gd name="connsiteY28" fmla="*/ 1265560 h 1265688"/>
              <a:gd name="connsiteX29" fmla="*/ 1008840 w 1681441"/>
              <a:gd name="connsiteY29" fmla="*/ 1258046 h 1265688"/>
              <a:gd name="connsiteX30" fmla="*/ 925558 w 1681441"/>
              <a:gd name="connsiteY30" fmla="*/ 1226111 h 1265688"/>
              <a:gd name="connsiteX31" fmla="*/ 877968 w 1681441"/>
              <a:gd name="connsiteY31" fmla="*/ 1156605 h 1265688"/>
              <a:gd name="connsiteX32" fmla="*/ 863566 w 1681441"/>
              <a:gd name="connsiteY32" fmla="*/ 1036379 h 1265688"/>
              <a:gd name="connsiteX33" fmla="*/ 871080 w 1681441"/>
              <a:gd name="connsiteY33" fmla="*/ 882338 h 1265688"/>
              <a:gd name="connsiteX34" fmla="*/ 896754 w 1681441"/>
              <a:gd name="connsiteY34" fmla="*/ 748336 h 1265688"/>
              <a:gd name="connsiteX35" fmla="*/ 943717 w 1681441"/>
              <a:gd name="connsiteY35" fmla="*/ 623100 h 1265688"/>
              <a:gd name="connsiteX36" fmla="*/ 1015728 w 1681441"/>
              <a:gd name="connsiteY36" fmla="*/ 502247 h 1265688"/>
              <a:gd name="connsiteX37" fmla="*/ 1295004 w 1681441"/>
              <a:gd name="connsiteY37" fmla="*/ 81453 h 1265688"/>
              <a:gd name="connsiteX38" fmla="*/ 1326940 w 1681441"/>
              <a:gd name="connsiteY38" fmla="*/ 43883 h 1265688"/>
              <a:gd name="connsiteX39" fmla="*/ 1368894 w 1681441"/>
              <a:gd name="connsiteY39" fmla="*/ 18835 h 1265688"/>
              <a:gd name="connsiteX40" fmla="*/ 1431512 w 1681441"/>
              <a:gd name="connsiteY40" fmla="*/ 4433 h 1265688"/>
              <a:gd name="connsiteX41" fmla="*/ 1519177 w 1681441"/>
              <a:gd name="connsiteY41" fmla="*/ 50 h 1265688"/>
              <a:gd name="connsiteX42" fmla="*/ 1611852 w 1681441"/>
              <a:gd name="connsiteY42" fmla="*/ 4433 h 1265688"/>
              <a:gd name="connsiteX43" fmla="*/ 1663825 w 1681441"/>
              <a:gd name="connsiteY43" fmla="*/ 20714 h 1265688"/>
              <a:gd name="connsiteX44" fmla="*/ 1681358 w 1681441"/>
              <a:gd name="connsiteY44" fmla="*/ 50770 h 1265688"/>
              <a:gd name="connsiteX45" fmla="*/ 1671339 w 1681441"/>
              <a:gd name="connsiteY45" fmla="*/ 92724 h 12656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</a:cxnLst>
            <a:rect l="l" t="t" r="r" b="b"/>
            <a:pathLst>
              <a:path w="1681441" h="1265688">
                <a:moveTo>
                  <a:pt x="549223" y="695110"/>
                </a:moveTo>
                <a:lnTo>
                  <a:pt x="549223" y="1036379"/>
                </a:lnTo>
                <a:cubicBezTo>
                  <a:pt x="550887" y="1077009"/>
                  <a:pt x="545809" y="1117635"/>
                  <a:pt x="534195" y="1156605"/>
                </a:cubicBezTo>
                <a:cubicBezTo>
                  <a:pt x="524625" y="1184328"/>
                  <a:pt x="506956" y="1208541"/>
                  <a:pt x="483475" y="1226111"/>
                </a:cubicBezTo>
                <a:cubicBezTo>
                  <a:pt x="457275" y="1243251"/>
                  <a:pt x="427503" y="1254174"/>
                  <a:pt x="396436" y="1258046"/>
                </a:cubicBezTo>
                <a:cubicBezTo>
                  <a:pt x="354914" y="1263444"/>
                  <a:pt x="313068" y="1265954"/>
                  <a:pt x="271199" y="1265560"/>
                </a:cubicBezTo>
                <a:cubicBezTo>
                  <a:pt x="229326" y="1266159"/>
                  <a:pt x="187465" y="1263647"/>
                  <a:pt x="145963" y="1258046"/>
                </a:cubicBezTo>
                <a:cubicBezTo>
                  <a:pt x="116210" y="1254339"/>
                  <a:pt x="87824" y="1243372"/>
                  <a:pt x="63308" y="1226111"/>
                </a:cubicBezTo>
                <a:cubicBezTo>
                  <a:pt x="40757" y="1208310"/>
                  <a:pt x="24158" y="1184067"/>
                  <a:pt x="15718" y="1156605"/>
                </a:cubicBezTo>
                <a:cubicBezTo>
                  <a:pt x="4235" y="1117597"/>
                  <a:pt x="-1047" y="1077026"/>
                  <a:pt x="63" y="1036379"/>
                </a:cubicBezTo>
                <a:cubicBezTo>
                  <a:pt x="41" y="984924"/>
                  <a:pt x="2758" y="933504"/>
                  <a:pt x="8203" y="882338"/>
                </a:cubicBezTo>
                <a:cubicBezTo>
                  <a:pt x="12814" y="837052"/>
                  <a:pt x="21192" y="792229"/>
                  <a:pt x="33251" y="748336"/>
                </a:cubicBezTo>
                <a:cubicBezTo>
                  <a:pt x="44890" y="705105"/>
                  <a:pt x="60833" y="663150"/>
                  <a:pt x="80841" y="623100"/>
                </a:cubicBezTo>
                <a:cubicBezTo>
                  <a:pt x="101862" y="581240"/>
                  <a:pt x="125712" y="540862"/>
                  <a:pt x="152225" y="502247"/>
                </a:cubicBezTo>
                <a:lnTo>
                  <a:pt x="434006" y="81453"/>
                </a:lnTo>
                <a:cubicBezTo>
                  <a:pt x="443332" y="67866"/>
                  <a:pt x="454034" y="55276"/>
                  <a:pt x="465942" y="43883"/>
                </a:cubicBezTo>
                <a:cubicBezTo>
                  <a:pt x="478230" y="32974"/>
                  <a:pt x="492463" y="24477"/>
                  <a:pt x="507896" y="18835"/>
                </a:cubicBezTo>
                <a:cubicBezTo>
                  <a:pt x="528063" y="11366"/>
                  <a:pt x="549109" y="6526"/>
                  <a:pt x="570514" y="4433"/>
                </a:cubicBezTo>
                <a:cubicBezTo>
                  <a:pt x="598985" y="1125"/>
                  <a:pt x="627640" y="-339"/>
                  <a:pt x="656301" y="50"/>
                </a:cubicBezTo>
                <a:cubicBezTo>
                  <a:pt x="687045" y="-437"/>
                  <a:pt x="717790" y="1027"/>
                  <a:pt x="748349" y="4433"/>
                </a:cubicBezTo>
                <a:cubicBezTo>
                  <a:pt x="767038" y="6056"/>
                  <a:pt x="785175" y="11604"/>
                  <a:pt x="801574" y="20714"/>
                </a:cubicBezTo>
                <a:cubicBezTo>
                  <a:pt x="812066" y="27181"/>
                  <a:pt x="818642" y="38454"/>
                  <a:pt x="819107" y="50770"/>
                </a:cubicBezTo>
                <a:cubicBezTo>
                  <a:pt x="818488" y="65139"/>
                  <a:pt x="815527" y="79310"/>
                  <a:pt x="810341" y="92724"/>
                </a:cubicBezTo>
                <a:close/>
                <a:moveTo>
                  <a:pt x="1414605" y="695110"/>
                </a:moveTo>
                <a:lnTo>
                  <a:pt x="1414605" y="1036379"/>
                </a:lnTo>
                <a:cubicBezTo>
                  <a:pt x="1416002" y="1077132"/>
                  <a:pt x="1410281" y="1117818"/>
                  <a:pt x="1397698" y="1156605"/>
                </a:cubicBezTo>
                <a:cubicBezTo>
                  <a:pt x="1388607" y="1184575"/>
                  <a:pt x="1370840" y="1208921"/>
                  <a:pt x="1346977" y="1226111"/>
                </a:cubicBezTo>
                <a:cubicBezTo>
                  <a:pt x="1320655" y="1243464"/>
                  <a:pt x="1290629" y="1254402"/>
                  <a:pt x="1259312" y="1258046"/>
                </a:cubicBezTo>
                <a:cubicBezTo>
                  <a:pt x="1217787" y="1263402"/>
                  <a:pt x="1175944" y="1265913"/>
                  <a:pt x="1134076" y="1265560"/>
                </a:cubicBezTo>
                <a:cubicBezTo>
                  <a:pt x="1092203" y="1266105"/>
                  <a:pt x="1050347" y="1263593"/>
                  <a:pt x="1008840" y="1258046"/>
                </a:cubicBezTo>
                <a:cubicBezTo>
                  <a:pt x="978918" y="1254242"/>
                  <a:pt x="950352" y="1243288"/>
                  <a:pt x="925558" y="1226111"/>
                </a:cubicBezTo>
                <a:cubicBezTo>
                  <a:pt x="902433" y="1208854"/>
                  <a:pt x="885694" y="1184406"/>
                  <a:pt x="877968" y="1156605"/>
                </a:cubicBezTo>
                <a:cubicBezTo>
                  <a:pt x="867300" y="1117452"/>
                  <a:pt x="862447" y="1076943"/>
                  <a:pt x="863566" y="1036379"/>
                </a:cubicBezTo>
                <a:cubicBezTo>
                  <a:pt x="863352" y="984935"/>
                  <a:pt x="865860" y="933517"/>
                  <a:pt x="871080" y="882338"/>
                </a:cubicBezTo>
                <a:cubicBezTo>
                  <a:pt x="876198" y="837080"/>
                  <a:pt x="884781" y="792281"/>
                  <a:pt x="896754" y="748336"/>
                </a:cubicBezTo>
                <a:cubicBezTo>
                  <a:pt x="908461" y="705215"/>
                  <a:pt x="924184" y="663286"/>
                  <a:pt x="943717" y="623100"/>
                </a:cubicBezTo>
                <a:cubicBezTo>
                  <a:pt x="964962" y="581234"/>
                  <a:pt x="989021" y="540857"/>
                  <a:pt x="1015728" y="502247"/>
                </a:cubicBezTo>
                <a:lnTo>
                  <a:pt x="1295004" y="81453"/>
                </a:lnTo>
                <a:cubicBezTo>
                  <a:pt x="1304707" y="68158"/>
                  <a:pt x="1315381" y="55600"/>
                  <a:pt x="1326940" y="43883"/>
                </a:cubicBezTo>
                <a:cubicBezTo>
                  <a:pt x="1339228" y="32974"/>
                  <a:pt x="1353461" y="24477"/>
                  <a:pt x="1368894" y="18835"/>
                </a:cubicBezTo>
                <a:cubicBezTo>
                  <a:pt x="1389061" y="11366"/>
                  <a:pt x="1410107" y="6526"/>
                  <a:pt x="1431512" y="4433"/>
                </a:cubicBezTo>
                <a:cubicBezTo>
                  <a:pt x="1460609" y="1096"/>
                  <a:pt x="1489891" y="-368"/>
                  <a:pt x="1519177" y="50"/>
                </a:cubicBezTo>
                <a:cubicBezTo>
                  <a:pt x="1550130" y="-417"/>
                  <a:pt x="1581081" y="1047"/>
                  <a:pt x="1611852" y="4433"/>
                </a:cubicBezTo>
                <a:cubicBezTo>
                  <a:pt x="1630161" y="5982"/>
                  <a:pt x="1647905" y="11540"/>
                  <a:pt x="1663825" y="20714"/>
                </a:cubicBezTo>
                <a:cubicBezTo>
                  <a:pt x="1673745" y="27722"/>
                  <a:pt x="1680140" y="38686"/>
                  <a:pt x="1681358" y="50770"/>
                </a:cubicBezTo>
                <a:cubicBezTo>
                  <a:pt x="1681462" y="65360"/>
                  <a:pt x="1678024" y="79756"/>
                  <a:pt x="1671339" y="92724"/>
                </a:cubicBezTo>
                <a:close/>
              </a:path>
            </a:pathLst>
          </a:custGeom>
          <a:solidFill>
            <a:schemeClr val="accent1"/>
          </a:solidFill>
          <a:ln w="6244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13" name="Text Placeholder 13">
            <a:extLst>
              <a:ext uri="{FF2B5EF4-FFF2-40B4-BE49-F238E27FC236}">
                <a16:creationId xmlns:a16="http://schemas.microsoft.com/office/drawing/2014/main" id="{71F9368B-3BC8-4270-9590-7C205182D20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14004" y="2316506"/>
            <a:ext cx="7996609" cy="3535020"/>
          </a:xfrm>
        </p:spPr>
        <p:txBody>
          <a:bodyPr/>
          <a:lstStyle>
            <a:lvl1pPr marL="0" indent="0">
              <a:buNone/>
              <a:defRPr sz="2800">
                <a:solidFill>
                  <a:schemeClr val="tx2"/>
                </a:solidFill>
              </a:defRPr>
            </a:lvl1pPr>
            <a:lvl2pPr marL="0" indent="0">
              <a:buNone/>
              <a:defRPr sz="1800"/>
            </a:lvl2pPr>
            <a:lvl3pPr marL="0" indent="0">
              <a:buNone/>
              <a:defRPr sz="1800"/>
            </a:lvl3pPr>
            <a:lvl4pPr marL="0" indent="0">
              <a:buNone/>
              <a:defRPr sz="1800"/>
            </a:lvl4pPr>
            <a:lvl5pPr marL="0" indent="0">
              <a:buNone/>
              <a:defRPr sz="1800"/>
            </a:lvl5pPr>
          </a:lstStyle>
          <a:p>
            <a:pPr lvl="0"/>
            <a:r>
              <a:rPr lang="en-US" dirty="0"/>
              <a:t>Click to add quot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459238669" name="image" descr="{&quot;templafy&quot;:{&quot;id&quot;:&quot;96f413ed-7f36-457d-9192-8e458421843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8" name="text" descr="{&quot;templafy&quot;:{&quot;id&quot;:&quot;607e6441-e962-4247-84d0-95e0f472cc3f&quot;}}" title="Form.Division.Website">
            <a:extLst>
              <a:ext uri="{FF2B5EF4-FFF2-40B4-BE49-F238E27FC236}">
                <a16:creationId xmlns:a16="http://schemas.microsoft.com/office/drawing/2014/main" id="{B89FF23C-10CE-4FF6-9B75-3001FE76B445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</p:spTree>
    <p:extLst>
      <p:ext uri="{BB962C8B-B14F-4D97-AF65-F5344CB8AC3E}">
        <p14:creationId xmlns:p14="http://schemas.microsoft.com/office/powerpoint/2010/main" val="105932094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orient="horz" pos="3866">
          <p15:clr>
            <a:srgbClr val="FF96FF"/>
          </p15:clr>
        </p15:guide>
        <p15:guide id="5" pos="453">
          <p15:clr>
            <a:srgbClr val="FF96FF"/>
          </p15:clr>
        </p15:guide>
        <p15:guide id="6" pos="3749">
          <p15:clr>
            <a:srgbClr val="FF96FF"/>
          </p15:clr>
        </p15:guide>
        <p15:guide id="7" pos="3930">
          <p15:clr>
            <a:srgbClr val="FF96FF"/>
          </p15:clr>
        </p15:guide>
        <p15:guide id="8" pos="7226">
          <p15:clr>
            <a:srgbClr val="FF96FF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x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5F5EA5A-F8B7-4775-B6CE-68F6D66A7F05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719138" y="1577975"/>
            <a:ext cx="2471737" cy="2471738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4D3F464-D8DA-4365-B91F-BCC93D5FC7E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3479800" y="2602256"/>
            <a:ext cx="5230813" cy="353502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1" name="Text Placeholder 20">
            <a:extLst>
              <a:ext uri="{FF2B5EF4-FFF2-40B4-BE49-F238E27FC236}">
                <a16:creationId xmlns:a16="http://schemas.microsoft.com/office/drawing/2014/main" id="{FD31DADB-E14B-4F7D-AD95-1AE46E51871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479800" y="1577975"/>
            <a:ext cx="5230813" cy="288000"/>
          </a:xfrm>
        </p:spPr>
        <p:txBody>
          <a:bodyPr/>
          <a:lstStyle>
            <a:lvl1pPr>
              <a:buNone/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24" name="Text Placeholder 20">
            <a:extLst>
              <a:ext uri="{FF2B5EF4-FFF2-40B4-BE49-F238E27FC236}">
                <a16:creationId xmlns:a16="http://schemas.microsoft.com/office/drawing/2014/main" id="{1898BFAA-7912-4FA5-AF48-9F1C71D5C7C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479800" y="1868420"/>
            <a:ext cx="5230813" cy="252000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25" name="Text Placeholder 20">
            <a:extLst>
              <a:ext uri="{FF2B5EF4-FFF2-40B4-BE49-F238E27FC236}">
                <a16:creationId xmlns:a16="http://schemas.microsoft.com/office/drawing/2014/main" id="{1C8C85AE-B1E3-485D-8EF7-2FF165EDD50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479800" y="2124743"/>
            <a:ext cx="5230813" cy="252000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pic>
        <p:nvPicPr>
          <p:cNvPr id="905927541" name="image" descr="{&quot;templafy&quot;:{&quot;id&quot;:&quot;768c6cc5-ecd2-4585-a125-27e0607209a0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8" name="text" descr="{&quot;templafy&quot;:{&quot;id&quot;:&quot;fc57d897-fd59-4eca-aff7-b717a8c32a76&quot;}}" title="Form.Division.Website">
            <a:extLst>
              <a:ext uri="{FF2B5EF4-FFF2-40B4-BE49-F238E27FC236}">
                <a16:creationId xmlns:a16="http://schemas.microsoft.com/office/drawing/2014/main" id="{0705D055-4D24-46CA-9F90-C408E0016076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16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491034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5F5EA5A-F8B7-4775-B6CE-68F6D66A7F05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719139" y="15779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18" name="Picture Placeholder 2">
            <a:extLst>
              <a:ext uri="{FF2B5EF4-FFF2-40B4-BE49-F238E27FC236}">
                <a16:creationId xmlns:a16="http://schemas.microsoft.com/office/drawing/2014/main" id="{BC117C3A-B923-48B6-B7CD-7995853B71EE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>
          <a:xfrm>
            <a:off x="6238875" y="15779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29" name="Text Placeholder 13">
            <a:extLst>
              <a:ext uri="{FF2B5EF4-FFF2-40B4-BE49-F238E27FC236}">
                <a16:creationId xmlns:a16="http://schemas.microsoft.com/office/drawing/2014/main" id="{2FD9C762-30BE-44C8-A6B9-CDA5633AC464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2343013" y="2571750"/>
            <a:ext cx="3608525" cy="3565525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10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0" name="Text Placeholder 13">
            <a:extLst>
              <a:ext uri="{FF2B5EF4-FFF2-40B4-BE49-F238E27FC236}">
                <a16:creationId xmlns:a16="http://schemas.microsoft.com/office/drawing/2014/main" id="{96E307F9-C5FB-4F38-B52C-E1CB233D9980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7865698" y="2571750"/>
            <a:ext cx="3608525" cy="3565525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10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34" name="Text Placeholder 20">
            <a:extLst>
              <a:ext uri="{FF2B5EF4-FFF2-40B4-BE49-F238E27FC236}">
                <a16:creationId xmlns:a16="http://schemas.microsoft.com/office/drawing/2014/main" id="{48CE24CF-7B79-4672-9245-AA8F18BBA6B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343013" y="1576269"/>
            <a:ext cx="3601039" cy="289706"/>
          </a:xfrm>
        </p:spPr>
        <p:txBody>
          <a:bodyPr/>
          <a:lstStyle>
            <a:lvl1pPr>
              <a:buNone/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35" name="Text Placeholder 20">
            <a:extLst>
              <a:ext uri="{FF2B5EF4-FFF2-40B4-BE49-F238E27FC236}">
                <a16:creationId xmlns:a16="http://schemas.microsoft.com/office/drawing/2014/main" id="{A0C915CD-9589-4CB2-9568-CCD3056D7E3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343013" y="1866927"/>
            <a:ext cx="3601039" cy="253493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36" name="Text Placeholder 20">
            <a:extLst>
              <a:ext uri="{FF2B5EF4-FFF2-40B4-BE49-F238E27FC236}">
                <a16:creationId xmlns:a16="http://schemas.microsoft.com/office/drawing/2014/main" id="{1EF97DD3-2B90-47B2-9512-4178CD8BC8A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343013" y="2123250"/>
            <a:ext cx="3601039" cy="253493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37" name="Text Placeholder 20">
            <a:extLst>
              <a:ext uri="{FF2B5EF4-FFF2-40B4-BE49-F238E27FC236}">
                <a16:creationId xmlns:a16="http://schemas.microsoft.com/office/drawing/2014/main" id="{F2904DEF-B938-4922-B60B-FD72F63D2AC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868077" y="1576269"/>
            <a:ext cx="3601039" cy="289706"/>
          </a:xfrm>
        </p:spPr>
        <p:txBody>
          <a:bodyPr/>
          <a:lstStyle>
            <a:lvl1pPr>
              <a:buNone/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38" name="Text Placeholder 20">
            <a:extLst>
              <a:ext uri="{FF2B5EF4-FFF2-40B4-BE49-F238E27FC236}">
                <a16:creationId xmlns:a16="http://schemas.microsoft.com/office/drawing/2014/main" id="{CB8A63BE-1A87-4853-88BC-D6A76E49C0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7868077" y="1866927"/>
            <a:ext cx="3601039" cy="253493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39" name="Text Placeholder 20">
            <a:extLst>
              <a:ext uri="{FF2B5EF4-FFF2-40B4-BE49-F238E27FC236}">
                <a16:creationId xmlns:a16="http://schemas.microsoft.com/office/drawing/2014/main" id="{F95A41E8-F32C-464C-A724-B7D5CD24A931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7868077" y="2123250"/>
            <a:ext cx="3601039" cy="253493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pic>
        <p:nvPicPr>
          <p:cNvPr id="419730683" name="image" descr="{&quot;templafy&quot;:{&quot;id&quot;:&quot;4041e0d2-3408-453d-99bc-c5b313d86882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24" name="text" descr="{&quot;templafy&quot;:{&quot;id&quot;:&quot;d08d6a7e-cbe6-4b8c-afb8-fbe727484569&quot;}}" title="Form.Division.Website">
            <a:extLst>
              <a:ext uri="{FF2B5EF4-FFF2-40B4-BE49-F238E27FC236}">
                <a16:creationId xmlns:a16="http://schemas.microsoft.com/office/drawing/2014/main" id="{C3CC01CF-3DD0-4BA8-8875-B6E09E441861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20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711163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x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5F5EA5A-F8B7-4775-B6CE-68F6D66A7F05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719139" y="15779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18" name="Picture Placeholder 2">
            <a:extLst>
              <a:ext uri="{FF2B5EF4-FFF2-40B4-BE49-F238E27FC236}">
                <a16:creationId xmlns:a16="http://schemas.microsoft.com/office/drawing/2014/main" id="{BC117C3A-B923-48B6-B7CD-7995853B71EE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>
          <a:xfrm>
            <a:off x="6238875" y="15779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25" name="Picture Placeholder 2">
            <a:extLst>
              <a:ext uri="{FF2B5EF4-FFF2-40B4-BE49-F238E27FC236}">
                <a16:creationId xmlns:a16="http://schemas.microsoft.com/office/drawing/2014/main" id="{D11F72EB-235C-49D9-97CD-DABE32ED7384}"/>
              </a:ext>
            </a:extLst>
          </p:cNvPr>
          <p:cNvSpPr>
            <a:spLocks noGrp="1" noChangeAspect="1"/>
          </p:cNvSpPr>
          <p:nvPr>
            <p:ph type="pic" sz="quarter" idx="21" hasCustomPrompt="1"/>
          </p:nvPr>
        </p:nvSpPr>
        <p:spPr>
          <a:xfrm>
            <a:off x="719139" y="40100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30" name="Picture Placeholder 2">
            <a:extLst>
              <a:ext uri="{FF2B5EF4-FFF2-40B4-BE49-F238E27FC236}">
                <a16:creationId xmlns:a16="http://schemas.microsoft.com/office/drawing/2014/main" id="{1B0282A5-FD85-4BFC-BEDF-5BD633AA9CA7}"/>
              </a:ext>
            </a:extLst>
          </p:cNvPr>
          <p:cNvSpPr>
            <a:spLocks noGrp="1" noChangeAspect="1"/>
          </p:cNvSpPr>
          <p:nvPr>
            <p:ph type="pic" sz="quarter" idx="26" hasCustomPrompt="1"/>
          </p:nvPr>
        </p:nvSpPr>
        <p:spPr>
          <a:xfrm>
            <a:off x="6238875" y="40100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69" name="Text Placeholder 13">
            <a:extLst>
              <a:ext uri="{FF2B5EF4-FFF2-40B4-BE49-F238E27FC236}">
                <a16:creationId xmlns:a16="http://schemas.microsoft.com/office/drawing/2014/main" id="{7F52553F-52C2-493B-BDB9-D05BED41A430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2343013" y="2438400"/>
            <a:ext cx="3608525" cy="1277933"/>
          </a:xfrm>
        </p:spPr>
        <p:txBody>
          <a:bodyPr/>
          <a:lstStyle>
            <a:lvl1pPr marL="180975" indent="-180975">
              <a:defRPr sz="1200"/>
            </a:lvl1pPr>
            <a:lvl2pPr marL="361950" indent="-180975">
              <a:defRPr sz="1100"/>
            </a:lvl2pPr>
            <a:lvl3pPr marL="534988" indent="-173038">
              <a:defRPr sz="1050"/>
            </a:lvl3pPr>
            <a:lvl4pPr marL="715963" indent="-180975">
              <a:defRPr sz="1000"/>
            </a:lvl4pPr>
            <a:lvl5pPr marL="896938" indent="-180975">
              <a:defRPr sz="9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8" name="Text Placeholder 20">
            <a:extLst>
              <a:ext uri="{FF2B5EF4-FFF2-40B4-BE49-F238E27FC236}">
                <a16:creationId xmlns:a16="http://schemas.microsoft.com/office/drawing/2014/main" id="{F6945187-556A-4DEE-8908-9D405EF5D1BC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2353901" y="1593499"/>
            <a:ext cx="3594714" cy="216000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89" name="Text Placeholder 20">
            <a:extLst>
              <a:ext uri="{FF2B5EF4-FFF2-40B4-BE49-F238E27FC236}">
                <a16:creationId xmlns:a16="http://schemas.microsoft.com/office/drawing/2014/main" id="{F2397E38-B4A9-4C4C-AAA4-859BFA78206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353901" y="1815293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90" name="Text Placeholder 20">
            <a:extLst>
              <a:ext uri="{FF2B5EF4-FFF2-40B4-BE49-F238E27FC236}">
                <a16:creationId xmlns:a16="http://schemas.microsoft.com/office/drawing/2014/main" id="{ED6378D6-B0E2-402C-BD81-4D3F9B8DDE0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353901" y="2039513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101" name="Text Placeholder 20">
            <a:extLst>
              <a:ext uri="{FF2B5EF4-FFF2-40B4-BE49-F238E27FC236}">
                <a16:creationId xmlns:a16="http://schemas.microsoft.com/office/drawing/2014/main" id="{689ADC8B-B7A7-4D5E-85D6-C540B11A3887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7860341" y="1593499"/>
            <a:ext cx="3594714" cy="216000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102" name="Text Placeholder 20">
            <a:extLst>
              <a:ext uri="{FF2B5EF4-FFF2-40B4-BE49-F238E27FC236}">
                <a16:creationId xmlns:a16="http://schemas.microsoft.com/office/drawing/2014/main" id="{8B51D79C-BD67-4E5B-9E64-113EBB0257B3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7860341" y="1815293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103" name="Text Placeholder 20">
            <a:extLst>
              <a:ext uri="{FF2B5EF4-FFF2-40B4-BE49-F238E27FC236}">
                <a16:creationId xmlns:a16="http://schemas.microsoft.com/office/drawing/2014/main" id="{8D2FC056-B42B-4DE9-8E0D-CAFBA468F560}"/>
              </a:ext>
            </a:extLst>
          </p:cNvPr>
          <p:cNvSpPr>
            <a:spLocks noGrp="1"/>
          </p:cNvSpPr>
          <p:nvPr>
            <p:ph type="body" sz="quarter" idx="43" hasCustomPrompt="1"/>
          </p:nvPr>
        </p:nvSpPr>
        <p:spPr>
          <a:xfrm>
            <a:off x="7860341" y="2039513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105" name="Text Placeholder 20">
            <a:extLst>
              <a:ext uri="{FF2B5EF4-FFF2-40B4-BE49-F238E27FC236}">
                <a16:creationId xmlns:a16="http://schemas.microsoft.com/office/drawing/2014/main" id="{94C0AA43-11C4-4335-8155-31C44277E391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7860341" y="4006143"/>
            <a:ext cx="3594714" cy="216000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106" name="Text Placeholder 20">
            <a:extLst>
              <a:ext uri="{FF2B5EF4-FFF2-40B4-BE49-F238E27FC236}">
                <a16:creationId xmlns:a16="http://schemas.microsoft.com/office/drawing/2014/main" id="{B86BB3F7-E98A-4C91-B512-8DD3A2FC82F4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7860341" y="4227937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107" name="Text Placeholder 20">
            <a:extLst>
              <a:ext uri="{FF2B5EF4-FFF2-40B4-BE49-F238E27FC236}">
                <a16:creationId xmlns:a16="http://schemas.microsoft.com/office/drawing/2014/main" id="{3D4D3024-EEDF-4126-BA25-6087B3815DC5}"/>
              </a:ext>
            </a:extLst>
          </p:cNvPr>
          <p:cNvSpPr>
            <a:spLocks noGrp="1"/>
          </p:cNvSpPr>
          <p:nvPr>
            <p:ph type="body" sz="quarter" idx="47" hasCustomPrompt="1"/>
          </p:nvPr>
        </p:nvSpPr>
        <p:spPr>
          <a:xfrm>
            <a:off x="7860341" y="4452157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109" name="Text Placeholder 20">
            <a:extLst>
              <a:ext uri="{FF2B5EF4-FFF2-40B4-BE49-F238E27FC236}">
                <a16:creationId xmlns:a16="http://schemas.microsoft.com/office/drawing/2014/main" id="{4BBA5993-5ADB-469B-8A84-98A9F380B1BC}"/>
              </a:ext>
            </a:extLst>
          </p:cNvPr>
          <p:cNvSpPr>
            <a:spLocks noGrp="1"/>
          </p:cNvSpPr>
          <p:nvPr>
            <p:ph type="body" sz="quarter" idx="49" hasCustomPrompt="1"/>
          </p:nvPr>
        </p:nvSpPr>
        <p:spPr>
          <a:xfrm>
            <a:off x="2353901" y="4006143"/>
            <a:ext cx="3594714" cy="216000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110" name="Text Placeholder 20">
            <a:extLst>
              <a:ext uri="{FF2B5EF4-FFF2-40B4-BE49-F238E27FC236}">
                <a16:creationId xmlns:a16="http://schemas.microsoft.com/office/drawing/2014/main" id="{DBDBADCB-6F7A-4AA7-8223-74B15C12874F}"/>
              </a:ext>
            </a:extLst>
          </p:cNvPr>
          <p:cNvSpPr>
            <a:spLocks noGrp="1"/>
          </p:cNvSpPr>
          <p:nvPr>
            <p:ph type="body" sz="quarter" idx="50" hasCustomPrompt="1"/>
          </p:nvPr>
        </p:nvSpPr>
        <p:spPr>
          <a:xfrm>
            <a:off x="2353901" y="4227937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111" name="Text Placeholder 20">
            <a:extLst>
              <a:ext uri="{FF2B5EF4-FFF2-40B4-BE49-F238E27FC236}">
                <a16:creationId xmlns:a16="http://schemas.microsoft.com/office/drawing/2014/main" id="{1DEC02A7-11CA-43BA-92F6-F88694431A44}"/>
              </a:ext>
            </a:extLst>
          </p:cNvPr>
          <p:cNvSpPr>
            <a:spLocks noGrp="1"/>
          </p:cNvSpPr>
          <p:nvPr>
            <p:ph type="body" sz="quarter" idx="51" hasCustomPrompt="1"/>
          </p:nvPr>
        </p:nvSpPr>
        <p:spPr>
          <a:xfrm>
            <a:off x="2353901" y="4452157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112" name="Text Placeholder 13">
            <a:extLst>
              <a:ext uri="{FF2B5EF4-FFF2-40B4-BE49-F238E27FC236}">
                <a16:creationId xmlns:a16="http://schemas.microsoft.com/office/drawing/2014/main" id="{AB9FF0F1-5776-4265-91DB-340E94811F1F}"/>
              </a:ext>
            </a:extLst>
          </p:cNvPr>
          <p:cNvSpPr>
            <a:spLocks noGrp="1"/>
          </p:cNvSpPr>
          <p:nvPr>
            <p:ph type="body" sz="quarter" idx="52"/>
          </p:nvPr>
        </p:nvSpPr>
        <p:spPr>
          <a:xfrm>
            <a:off x="7853435" y="2438400"/>
            <a:ext cx="3608525" cy="1277933"/>
          </a:xfrm>
        </p:spPr>
        <p:txBody>
          <a:bodyPr/>
          <a:lstStyle>
            <a:lvl1pPr marL="180975" indent="-180975">
              <a:defRPr sz="1200"/>
            </a:lvl1pPr>
            <a:lvl2pPr marL="361950" indent="-180975">
              <a:defRPr sz="1100"/>
            </a:lvl2pPr>
            <a:lvl3pPr marL="534988" indent="-173038">
              <a:defRPr sz="1050"/>
            </a:lvl3pPr>
            <a:lvl4pPr marL="715963" indent="-180975">
              <a:defRPr sz="1000"/>
            </a:lvl4pPr>
            <a:lvl5pPr marL="896938" indent="-180975">
              <a:defRPr sz="9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3" name="Text Placeholder 13">
            <a:extLst>
              <a:ext uri="{FF2B5EF4-FFF2-40B4-BE49-F238E27FC236}">
                <a16:creationId xmlns:a16="http://schemas.microsoft.com/office/drawing/2014/main" id="{381A4A94-3F06-436E-91D8-4AE69AFF9DBF}"/>
              </a:ext>
            </a:extLst>
          </p:cNvPr>
          <p:cNvSpPr>
            <a:spLocks noGrp="1"/>
          </p:cNvSpPr>
          <p:nvPr>
            <p:ph type="body" sz="quarter" idx="53"/>
          </p:nvPr>
        </p:nvSpPr>
        <p:spPr>
          <a:xfrm>
            <a:off x="7853435" y="4859342"/>
            <a:ext cx="3608525" cy="1277933"/>
          </a:xfrm>
        </p:spPr>
        <p:txBody>
          <a:bodyPr/>
          <a:lstStyle>
            <a:lvl1pPr marL="180975" indent="-180975">
              <a:defRPr sz="1200"/>
            </a:lvl1pPr>
            <a:lvl2pPr marL="361950" indent="-180975">
              <a:defRPr sz="1100"/>
            </a:lvl2pPr>
            <a:lvl3pPr marL="534988" indent="-173038">
              <a:defRPr sz="1050"/>
            </a:lvl3pPr>
            <a:lvl4pPr marL="715963" indent="-180975">
              <a:defRPr sz="1000"/>
            </a:lvl4pPr>
            <a:lvl5pPr marL="896938" indent="-180975">
              <a:defRPr sz="9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4" name="Text Placeholder 13">
            <a:extLst>
              <a:ext uri="{FF2B5EF4-FFF2-40B4-BE49-F238E27FC236}">
                <a16:creationId xmlns:a16="http://schemas.microsoft.com/office/drawing/2014/main" id="{860B5B8B-410B-492B-B146-ACBEC1977BAC}"/>
              </a:ext>
            </a:extLst>
          </p:cNvPr>
          <p:cNvSpPr>
            <a:spLocks noGrp="1"/>
          </p:cNvSpPr>
          <p:nvPr>
            <p:ph type="body" sz="quarter" idx="54"/>
          </p:nvPr>
        </p:nvSpPr>
        <p:spPr>
          <a:xfrm>
            <a:off x="2340090" y="4859342"/>
            <a:ext cx="3608525" cy="1277933"/>
          </a:xfrm>
        </p:spPr>
        <p:txBody>
          <a:bodyPr/>
          <a:lstStyle>
            <a:lvl1pPr marL="180975" indent="-180975">
              <a:defRPr sz="1200"/>
            </a:lvl1pPr>
            <a:lvl2pPr marL="361950" indent="-180975">
              <a:defRPr sz="1100"/>
            </a:lvl2pPr>
            <a:lvl3pPr marL="534988" indent="-173038">
              <a:defRPr sz="1050"/>
            </a:lvl3pPr>
            <a:lvl4pPr marL="715963" indent="-180975">
              <a:defRPr sz="1000"/>
            </a:lvl4pPr>
            <a:lvl5pPr marL="896938" indent="-180975">
              <a:defRPr sz="9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1880130827" name="image" descr="{&quot;templafy&quot;:{&quot;id&quot;:&quot;bf8d0d36-eb9a-483a-b1d4-6bec505fcbff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34" name="text" descr="{&quot;templafy&quot;:{&quot;id&quot;:&quot;e483bb0b-9784-464b-ab6e-536e2761bd20&quot;}}" title="Form.Division.Website">
            <a:extLst>
              <a:ext uri="{FF2B5EF4-FFF2-40B4-BE49-F238E27FC236}">
                <a16:creationId xmlns:a16="http://schemas.microsoft.com/office/drawing/2014/main" id="{8F8C0243-31E5-49EC-8C22-DADF1E37DAB4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32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39985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x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5F5EA5A-F8B7-4775-B6CE-68F6D66A7F05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719139" y="1577975"/>
            <a:ext cx="1080000" cy="1080000"/>
          </a:xfrm>
          <a:prstGeom prst="ellipse">
            <a:avLst/>
          </a:prstGeo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34" name="Picture Placeholder 2">
            <a:extLst>
              <a:ext uri="{FF2B5EF4-FFF2-40B4-BE49-F238E27FC236}">
                <a16:creationId xmlns:a16="http://schemas.microsoft.com/office/drawing/2014/main" id="{6846C2C0-9280-42B2-9030-5A4344AA4A06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3479801" y="15779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38" name="Picture Placeholder 2">
            <a:extLst>
              <a:ext uri="{FF2B5EF4-FFF2-40B4-BE49-F238E27FC236}">
                <a16:creationId xmlns:a16="http://schemas.microsoft.com/office/drawing/2014/main" id="{6197E8B4-D12C-41EE-8EA4-0E487A907A08}"/>
              </a:ext>
            </a:extLst>
          </p:cNvPr>
          <p:cNvSpPr>
            <a:spLocks noGrp="1" noChangeAspect="1"/>
          </p:cNvSpPr>
          <p:nvPr>
            <p:ph type="pic" sz="quarter" idx="19" hasCustomPrompt="1"/>
          </p:nvPr>
        </p:nvSpPr>
        <p:spPr>
          <a:xfrm>
            <a:off x="6225580" y="15779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42" name="Picture Placeholder 2">
            <a:extLst>
              <a:ext uri="{FF2B5EF4-FFF2-40B4-BE49-F238E27FC236}">
                <a16:creationId xmlns:a16="http://schemas.microsoft.com/office/drawing/2014/main" id="{8BCFC408-A0C3-4F92-BB5A-86FFC672DB42}"/>
              </a:ext>
            </a:extLst>
          </p:cNvPr>
          <p:cNvSpPr>
            <a:spLocks noGrp="1" noChangeAspect="1"/>
          </p:cNvSpPr>
          <p:nvPr>
            <p:ph type="pic" sz="quarter" idx="23" hasCustomPrompt="1"/>
          </p:nvPr>
        </p:nvSpPr>
        <p:spPr>
          <a:xfrm>
            <a:off x="8986242" y="15779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46" name="Picture Placeholder 2">
            <a:extLst>
              <a:ext uri="{FF2B5EF4-FFF2-40B4-BE49-F238E27FC236}">
                <a16:creationId xmlns:a16="http://schemas.microsoft.com/office/drawing/2014/main" id="{344C2272-9F8F-4998-AF48-5D673D651184}"/>
              </a:ext>
            </a:extLst>
          </p:cNvPr>
          <p:cNvSpPr>
            <a:spLocks noGrp="1" noChangeAspect="1"/>
          </p:cNvSpPr>
          <p:nvPr>
            <p:ph type="pic" sz="quarter" idx="27" hasCustomPrompt="1"/>
          </p:nvPr>
        </p:nvSpPr>
        <p:spPr>
          <a:xfrm>
            <a:off x="719139" y="40036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50" name="Picture Placeholder 2">
            <a:extLst>
              <a:ext uri="{FF2B5EF4-FFF2-40B4-BE49-F238E27FC236}">
                <a16:creationId xmlns:a16="http://schemas.microsoft.com/office/drawing/2014/main" id="{B2D4D4FC-505C-4139-9290-3F22DD04C602}"/>
              </a:ext>
            </a:extLst>
          </p:cNvPr>
          <p:cNvSpPr>
            <a:spLocks noGrp="1" noChangeAspect="1"/>
          </p:cNvSpPr>
          <p:nvPr>
            <p:ph type="pic" sz="quarter" idx="31" hasCustomPrompt="1"/>
          </p:nvPr>
        </p:nvSpPr>
        <p:spPr>
          <a:xfrm>
            <a:off x="3479801" y="40036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54" name="Picture Placeholder 2">
            <a:extLst>
              <a:ext uri="{FF2B5EF4-FFF2-40B4-BE49-F238E27FC236}">
                <a16:creationId xmlns:a16="http://schemas.microsoft.com/office/drawing/2014/main" id="{75DEA7A5-6863-4483-82EC-F40D4ED50BBA}"/>
              </a:ext>
            </a:extLst>
          </p:cNvPr>
          <p:cNvSpPr>
            <a:spLocks noGrp="1" noChangeAspect="1"/>
          </p:cNvSpPr>
          <p:nvPr>
            <p:ph type="pic" sz="quarter" idx="35" hasCustomPrompt="1"/>
          </p:nvPr>
        </p:nvSpPr>
        <p:spPr>
          <a:xfrm>
            <a:off x="6225580" y="40036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58" name="Picture Placeholder 2">
            <a:extLst>
              <a:ext uri="{FF2B5EF4-FFF2-40B4-BE49-F238E27FC236}">
                <a16:creationId xmlns:a16="http://schemas.microsoft.com/office/drawing/2014/main" id="{FBE6D08D-0BB5-4568-A054-6C568A022870}"/>
              </a:ext>
            </a:extLst>
          </p:cNvPr>
          <p:cNvSpPr>
            <a:spLocks noGrp="1" noChangeAspect="1"/>
          </p:cNvSpPr>
          <p:nvPr>
            <p:ph type="pic" sz="quarter" idx="39" hasCustomPrompt="1"/>
          </p:nvPr>
        </p:nvSpPr>
        <p:spPr>
          <a:xfrm>
            <a:off x="8986242" y="40036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62" name="Text Placeholder 20">
            <a:extLst>
              <a:ext uri="{FF2B5EF4-FFF2-40B4-BE49-F238E27FC236}">
                <a16:creationId xmlns:a16="http://schemas.microsoft.com/office/drawing/2014/main" id="{1284AE8B-A4F3-4262-B6F4-298273C3C55C}"/>
              </a:ext>
            </a:extLst>
          </p:cNvPr>
          <p:cNvSpPr>
            <a:spLocks noGrp="1"/>
          </p:cNvSpPr>
          <p:nvPr>
            <p:ph type="body" sz="quarter" idx="49" hasCustomPrompt="1"/>
          </p:nvPr>
        </p:nvSpPr>
        <p:spPr>
          <a:xfrm>
            <a:off x="719137" y="2831029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63" name="Text Placeholder 20">
            <a:extLst>
              <a:ext uri="{FF2B5EF4-FFF2-40B4-BE49-F238E27FC236}">
                <a16:creationId xmlns:a16="http://schemas.microsoft.com/office/drawing/2014/main" id="{A7EC23AE-4108-46F4-979E-AF7B7353C2A6}"/>
              </a:ext>
            </a:extLst>
          </p:cNvPr>
          <p:cNvSpPr>
            <a:spLocks noGrp="1"/>
          </p:cNvSpPr>
          <p:nvPr>
            <p:ph type="body" sz="quarter" idx="50" hasCustomPrompt="1"/>
          </p:nvPr>
        </p:nvSpPr>
        <p:spPr>
          <a:xfrm>
            <a:off x="719137" y="305282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64" name="Text Placeholder 20">
            <a:extLst>
              <a:ext uri="{FF2B5EF4-FFF2-40B4-BE49-F238E27FC236}">
                <a16:creationId xmlns:a16="http://schemas.microsoft.com/office/drawing/2014/main" id="{3059DF00-F15E-4038-A895-40B4095D1E08}"/>
              </a:ext>
            </a:extLst>
          </p:cNvPr>
          <p:cNvSpPr>
            <a:spLocks noGrp="1"/>
          </p:cNvSpPr>
          <p:nvPr>
            <p:ph type="body" sz="quarter" idx="51" hasCustomPrompt="1"/>
          </p:nvPr>
        </p:nvSpPr>
        <p:spPr>
          <a:xfrm>
            <a:off x="719137" y="327704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65" name="Text Placeholder 20">
            <a:extLst>
              <a:ext uri="{FF2B5EF4-FFF2-40B4-BE49-F238E27FC236}">
                <a16:creationId xmlns:a16="http://schemas.microsoft.com/office/drawing/2014/main" id="{1ABDD104-6DB0-45E8-9B7A-98EA42FFE1B7}"/>
              </a:ext>
            </a:extLst>
          </p:cNvPr>
          <p:cNvSpPr>
            <a:spLocks noGrp="1"/>
          </p:cNvSpPr>
          <p:nvPr>
            <p:ph type="body" sz="quarter" idx="52" hasCustomPrompt="1"/>
          </p:nvPr>
        </p:nvSpPr>
        <p:spPr>
          <a:xfrm>
            <a:off x="3479801" y="2831029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66" name="Text Placeholder 20">
            <a:extLst>
              <a:ext uri="{FF2B5EF4-FFF2-40B4-BE49-F238E27FC236}">
                <a16:creationId xmlns:a16="http://schemas.microsoft.com/office/drawing/2014/main" id="{573D15D1-B2FE-4994-BA19-3B3A7A4CBD50}"/>
              </a:ext>
            </a:extLst>
          </p:cNvPr>
          <p:cNvSpPr>
            <a:spLocks noGrp="1"/>
          </p:cNvSpPr>
          <p:nvPr>
            <p:ph type="body" sz="quarter" idx="53" hasCustomPrompt="1"/>
          </p:nvPr>
        </p:nvSpPr>
        <p:spPr>
          <a:xfrm>
            <a:off x="3479801" y="305282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67" name="Text Placeholder 20">
            <a:extLst>
              <a:ext uri="{FF2B5EF4-FFF2-40B4-BE49-F238E27FC236}">
                <a16:creationId xmlns:a16="http://schemas.microsoft.com/office/drawing/2014/main" id="{67D461D1-AD50-46A4-A3B5-94C4B3D0CF27}"/>
              </a:ext>
            </a:extLst>
          </p:cNvPr>
          <p:cNvSpPr>
            <a:spLocks noGrp="1"/>
          </p:cNvSpPr>
          <p:nvPr>
            <p:ph type="body" sz="quarter" idx="54" hasCustomPrompt="1"/>
          </p:nvPr>
        </p:nvSpPr>
        <p:spPr>
          <a:xfrm>
            <a:off x="3479801" y="327704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68" name="Text Placeholder 20">
            <a:extLst>
              <a:ext uri="{FF2B5EF4-FFF2-40B4-BE49-F238E27FC236}">
                <a16:creationId xmlns:a16="http://schemas.microsoft.com/office/drawing/2014/main" id="{993A409B-4569-4CBF-94EA-890FD6504DEE}"/>
              </a:ext>
            </a:extLst>
          </p:cNvPr>
          <p:cNvSpPr>
            <a:spLocks noGrp="1"/>
          </p:cNvSpPr>
          <p:nvPr>
            <p:ph type="body" sz="quarter" idx="55" hasCustomPrompt="1"/>
          </p:nvPr>
        </p:nvSpPr>
        <p:spPr>
          <a:xfrm>
            <a:off x="6225576" y="2831029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69" name="Text Placeholder 20">
            <a:extLst>
              <a:ext uri="{FF2B5EF4-FFF2-40B4-BE49-F238E27FC236}">
                <a16:creationId xmlns:a16="http://schemas.microsoft.com/office/drawing/2014/main" id="{A56E5162-E23F-43A7-8A8F-33C876C1E66B}"/>
              </a:ext>
            </a:extLst>
          </p:cNvPr>
          <p:cNvSpPr>
            <a:spLocks noGrp="1"/>
          </p:cNvSpPr>
          <p:nvPr>
            <p:ph type="body" sz="quarter" idx="56" hasCustomPrompt="1"/>
          </p:nvPr>
        </p:nvSpPr>
        <p:spPr>
          <a:xfrm>
            <a:off x="6225576" y="305282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70" name="Text Placeholder 20">
            <a:extLst>
              <a:ext uri="{FF2B5EF4-FFF2-40B4-BE49-F238E27FC236}">
                <a16:creationId xmlns:a16="http://schemas.microsoft.com/office/drawing/2014/main" id="{C747F8A7-6579-4BF1-83DF-556BEC28D752}"/>
              </a:ext>
            </a:extLst>
          </p:cNvPr>
          <p:cNvSpPr>
            <a:spLocks noGrp="1"/>
          </p:cNvSpPr>
          <p:nvPr>
            <p:ph type="body" sz="quarter" idx="57" hasCustomPrompt="1"/>
          </p:nvPr>
        </p:nvSpPr>
        <p:spPr>
          <a:xfrm>
            <a:off x="6225576" y="327704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71" name="Text Placeholder 20">
            <a:extLst>
              <a:ext uri="{FF2B5EF4-FFF2-40B4-BE49-F238E27FC236}">
                <a16:creationId xmlns:a16="http://schemas.microsoft.com/office/drawing/2014/main" id="{1DB0D370-8FD3-4D5E-BC60-B63DC0B8777E}"/>
              </a:ext>
            </a:extLst>
          </p:cNvPr>
          <p:cNvSpPr>
            <a:spLocks noGrp="1"/>
          </p:cNvSpPr>
          <p:nvPr>
            <p:ph type="body" sz="quarter" idx="58" hasCustomPrompt="1"/>
          </p:nvPr>
        </p:nvSpPr>
        <p:spPr>
          <a:xfrm>
            <a:off x="8986240" y="2831029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72" name="Text Placeholder 20">
            <a:extLst>
              <a:ext uri="{FF2B5EF4-FFF2-40B4-BE49-F238E27FC236}">
                <a16:creationId xmlns:a16="http://schemas.microsoft.com/office/drawing/2014/main" id="{3A49AB51-A305-4CB5-883C-CC4822AF9E28}"/>
              </a:ext>
            </a:extLst>
          </p:cNvPr>
          <p:cNvSpPr>
            <a:spLocks noGrp="1"/>
          </p:cNvSpPr>
          <p:nvPr>
            <p:ph type="body" sz="quarter" idx="59" hasCustomPrompt="1"/>
          </p:nvPr>
        </p:nvSpPr>
        <p:spPr>
          <a:xfrm>
            <a:off x="8986240" y="305282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73" name="Text Placeholder 20">
            <a:extLst>
              <a:ext uri="{FF2B5EF4-FFF2-40B4-BE49-F238E27FC236}">
                <a16:creationId xmlns:a16="http://schemas.microsoft.com/office/drawing/2014/main" id="{5478363C-5AA3-4A46-B06F-55A192C20A9C}"/>
              </a:ext>
            </a:extLst>
          </p:cNvPr>
          <p:cNvSpPr>
            <a:spLocks noGrp="1"/>
          </p:cNvSpPr>
          <p:nvPr>
            <p:ph type="body" sz="quarter" idx="60" hasCustomPrompt="1"/>
          </p:nvPr>
        </p:nvSpPr>
        <p:spPr>
          <a:xfrm>
            <a:off x="8986240" y="327704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74" name="Text Placeholder 20">
            <a:extLst>
              <a:ext uri="{FF2B5EF4-FFF2-40B4-BE49-F238E27FC236}">
                <a16:creationId xmlns:a16="http://schemas.microsoft.com/office/drawing/2014/main" id="{F00C6907-7BB1-40A9-930D-FEC81600478C}"/>
              </a:ext>
            </a:extLst>
          </p:cNvPr>
          <p:cNvSpPr>
            <a:spLocks noGrp="1"/>
          </p:cNvSpPr>
          <p:nvPr>
            <p:ph type="body" sz="quarter" idx="61" hasCustomPrompt="1"/>
          </p:nvPr>
        </p:nvSpPr>
        <p:spPr>
          <a:xfrm>
            <a:off x="719137" y="5244552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75" name="Text Placeholder 20">
            <a:extLst>
              <a:ext uri="{FF2B5EF4-FFF2-40B4-BE49-F238E27FC236}">
                <a16:creationId xmlns:a16="http://schemas.microsoft.com/office/drawing/2014/main" id="{CB2CB557-D6F8-43F7-A8FD-7CD2363F2528}"/>
              </a:ext>
            </a:extLst>
          </p:cNvPr>
          <p:cNvSpPr>
            <a:spLocks noGrp="1"/>
          </p:cNvSpPr>
          <p:nvPr>
            <p:ph type="body" sz="quarter" idx="62" hasCustomPrompt="1"/>
          </p:nvPr>
        </p:nvSpPr>
        <p:spPr>
          <a:xfrm>
            <a:off x="719137" y="546634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76" name="Text Placeholder 20">
            <a:extLst>
              <a:ext uri="{FF2B5EF4-FFF2-40B4-BE49-F238E27FC236}">
                <a16:creationId xmlns:a16="http://schemas.microsoft.com/office/drawing/2014/main" id="{4C4C13C8-3B84-42A2-8C43-CEF33D8A7DB0}"/>
              </a:ext>
            </a:extLst>
          </p:cNvPr>
          <p:cNvSpPr>
            <a:spLocks noGrp="1"/>
          </p:cNvSpPr>
          <p:nvPr>
            <p:ph type="body" sz="quarter" idx="63" hasCustomPrompt="1"/>
          </p:nvPr>
        </p:nvSpPr>
        <p:spPr>
          <a:xfrm>
            <a:off x="719137" y="569056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77" name="Text Placeholder 20">
            <a:extLst>
              <a:ext uri="{FF2B5EF4-FFF2-40B4-BE49-F238E27FC236}">
                <a16:creationId xmlns:a16="http://schemas.microsoft.com/office/drawing/2014/main" id="{C5049BEE-7F62-4B23-B709-C4F3599B9818}"/>
              </a:ext>
            </a:extLst>
          </p:cNvPr>
          <p:cNvSpPr>
            <a:spLocks noGrp="1"/>
          </p:cNvSpPr>
          <p:nvPr>
            <p:ph type="body" sz="quarter" idx="64" hasCustomPrompt="1"/>
          </p:nvPr>
        </p:nvSpPr>
        <p:spPr>
          <a:xfrm>
            <a:off x="3479801" y="5244552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78" name="Text Placeholder 20">
            <a:extLst>
              <a:ext uri="{FF2B5EF4-FFF2-40B4-BE49-F238E27FC236}">
                <a16:creationId xmlns:a16="http://schemas.microsoft.com/office/drawing/2014/main" id="{CAEF1CE2-51A9-4755-93BE-6E0CB42B0DFE}"/>
              </a:ext>
            </a:extLst>
          </p:cNvPr>
          <p:cNvSpPr>
            <a:spLocks noGrp="1"/>
          </p:cNvSpPr>
          <p:nvPr>
            <p:ph type="body" sz="quarter" idx="65" hasCustomPrompt="1"/>
          </p:nvPr>
        </p:nvSpPr>
        <p:spPr>
          <a:xfrm>
            <a:off x="3479801" y="546634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79" name="Text Placeholder 20">
            <a:extLst>
              <a:ext uri="{FF2B5EF4-FFF2-40B4-BE49-F238E27FC236}">
                <a16:creationId xmlns:a16="http://schemas.microsoft.com/office/drawing/2014/main" id="{CE32B9F6-F7EE-442A-8C36-E3FCD9088A79}"/>
              </a:ext>
            </a:extLst>
          </p:cNvPr>
          <p:cNvSpPr>
            <a:spLocks noGrp="1"/>
          </p:cNvSpPr>
          <p:nvPr>
            <p:ph type="body" sz="quarter" idx="66" hasCustomPrompt="1"/>
          </p:nvPr>
        </p:nvSpPr>
        <p:spPr>
          <a:xfrm>
            <a:off x="3479801" y="569056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80" name="Text Placeholder 20">
            <a:extLst>
              <a:ext uri="{FF2B5EF4-FFF2-40B4-BE49-F238E27FC236}">
                <a16:creationId xmlns:a16="http://schemas.microsoft.com/office/drawing/2014/main" id="{49CAAFF5-F814-4E97-819E-192A0AD06B71}"/>
              </a:ext>
            </a:extLst>
          </p:cNvPr>
          <p:cNvSpPr>
            <a:spLocks noGrp="1"/>
          </p:cNvSpPr>
          <p:nvPr>
            <p:ph type="body" sz="quarter" idx="67" hasCustomPrompt="1"/>
          </p:nvPr>
        </p:nvSpPr>
        <p:spPr>
          <a:xfrm>
            <a:off x="6225576" y="5244552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81" name="Text Placeholder 20">
            <a:extLst>
              <a:ext uri="{FF2B5EF4-FFF2-40B4-BE49-F238E27FC236}">
                <a16:creationId xmlns:a16="http://schemas.microsoft.com/office/drawing/2014/main" id="{266A1CC5-85A6-4A44-AD62-24D563C7BFDF}"/>
              </a:ext>
            </a:extLst>
          </p:cNvPr>
          <p:cNvSpPr>
            <a:spLocks noGrp="1"/>
          </p:cNvSpPr>
          <p:nvPr>
            <p:ph type="body" sz="quarter" idx="68" hasCustomPrompt="1"/>
          </p:nvPr>
        </p:nvSpPr>
        <p:spPr>
          <a:xfrm>
            <a:off x="6225576" y="546634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82" name="Text Placeholder 20">
            <a:extLst>
              <a:ext uri="{FF2B5EF4-FFF2-40B4-BE49-F238E27FC236}">
                <a16:creationId xmlns:a16="http://schemas.microsoft.com/office/drawing/2014/main" id="{4C0ACD20-47A6-45DC-8030-C5C4725A442E}"/>
              </a:ext>
            </a:extLst>
          </p:cNvPr>
          <p:cNvSpPr>
            <a:spLocks noGrp="1"/>
          </p:cNvSpPr>
          <p:nvPr>
            <p:ph type="body" sz="quarter" idx="69" hasCustomPrompt="1"/>
          </p:nvPr>
        </p:nvSpPr>
        <p:spPr>
          <a:xfrm>
            <a:off x="6225576" y="569056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83" name="Text Placeholder 20">
            <a:extLst>
              <a:ext uri="{FF2B5EF4-FFF2-40B4-BE49-F238E27FC236}">
                <a16:creationId xmlns:a16="http://schemas.microsoft.com/office/drawing/2014/main" id="{8D710309-D596-40E9-AD0E-461DA6B85FE9}"/>
              </a:ext>
            </a:extLst>
          </p:cNvPr>
          <p:cNvSpPr>
            <a:spLocks noGrp="1"/>
          </p:cNvSpPr>
          <p:nvPr>
            <p:ph type="body" sz="quarter" idx="70" hasCustomPrompt="1"/>
          </p:nvPr>
        </p:nvSpPr>
        <p:spPr>
          <a:xfrm>
            <a:off x="8986240" y="5244552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84" name="Text Placeholder 20">
            <a:extLst>
              <a:ext uri="{FF2B5EF4-FFF2-40B4-BE49-F238E27FC236}">
                <a16:creationId xmlns:a16="http://schemas.microsoft.com/office/drawing/2014/main" id="{28AE5A72-DD57-4288-BE80-02A41A02B295}"/>
              </a:ext>
            </a:extLst>
          </p:cNvPr>
          <p:cNvSpPr>
            <a:spLocks noGrp="1"/>
          </p:cNvSpPr>
          <p:nvPr>
            <p:ph type="body" sz="quarter" idx="71" hasCustomPrompt="1"/>
          </p:nvPr>
        </p:nvSpPr>
        <p:spPr>
          <a:xfrm>
            <a:off x="8986240" y="546634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85" name="Text Placeholder 20">
            <a:extLst>
              <a:ext uri="{FF2B5EF4-FFF2-40B4-BE49-F238E27FC236}">
                <a16:creationId xmlns:a16="http://schemas.microsoft.com/office/drawing/2014/main" id="{C6F74F65-D23B-46F0-9EAD-680695107F39}"/>
              </a:ext>
            </a:extLst>
          </p:cNvPr>
          <p:cNvSpPr>
            <a:spLocks noGrp="1"/>
          </p:cNvSpPr>
          <p:nvPr>
            <p:ph type="body" sz="quarter" idx="72" hasCustomPrompt="1"/>
          </p:nvPr>
        </p:nvSpPr>
        <p:spPr>
          <a:xfrm>
            <a:off x="8986240" y="569056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pic>
        <p:nvPicPr>
          <p:cNvPr id="1661097021" name="image" descr="{&quot;templafy&quot;:{&quot;id&quot;:&quot;3ec71c5d-fe43-4098-b2be-bd525ff1ef4b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47" name="text" descr="{&quot;templafy&quot;:{&quot;id&quot;:&quot;887c5874-35f8-4d17-a263-f75f0b08a01f&quot;}}" title="Form.Division.Website">
            <a:extLst>
              <a:ext uri="{FF2B5EF4-FFF2-40B4-BE49-F238E27FC236}">
                <a16:creationId xmlns:a16="http://schemas.microsoft.com/office/drawing/2014/main" id="{38E3F7EF-77BD-47F8-B209-DB586B078115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43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352355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tailed profi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5F5EA5A-F8B7-4775-B6CE-68F6D66A7F05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04005" y="1768925"/>
            <a:ext cx="1236169" cy="123617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18" name="text" descr="{&quot;templafy&quot;:{&quot;id&quot;:&quot;bf4f5d3f-8664-4261-9b42-8171bcc25387&quot;}}" title="Form.Division.Website">
            <a:extLst>
              <a:ext uri="{FF2B5EF4-FFF2-40B4-BE49-F238E27FC236}">
                <a16:creationId xmlns:a16="http://schemas.microsoft.com/office/drawing/2014/main" id="{0705D055-4D24-46CA-9F90-C408E0016076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16" name="Oval 15"/>
          <p:cNvSpPr/>
          <p:nvPr userDrawn="1"/>
        </p:nvSpPr>
        <p:spPr>
          <a:xfrm>
            <a:off x="909138" y="1674058"/>
            <a:ext cx="1425905" cy="1425905"/>
          </a:xfrm>
          <a:prstGeom prst="ellipse">
            <a:avLst/>
          </a:prstGeom>
          <a:noFill/>
          <a:ln w="2222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9"/>
          </p:nvPr>
        </p:nvSpPr>
        <p:spPr>
          <a:xfrm>
            <a:off x="732037" y="3297178"/>
            <a:ext cx="811212" cy="401637"/>
          </a:xfrm>
        </p:spPr>
        <p:txBody>
          <a:bodyPr/>
          <a:lstStyle>
            <a:lvl1pPr marL="0" indent="0">
              <a:buNone/>
              <a:defRPr sz="700"/>
            </a:lvl1pPr>
          </a:lstStyle>
          <a:p>
            <a:endParaRPr lang="en-GB" dirty="0"/>
          </a:p>
        </p:txBody>
      </p:sp>
      <p:sp>
        <p:nvSpPr>
          <p:cNvPr id="19" name="Picture Placeholder 3"/>
          <p:cNvSpPr>
            <a:spLocks noGrp="1"/>
          </p:cNvSpPr>
          <p:nvPr>
            <p:ph type="pic" sz="quarter" idx="20"/>
          </p:nvPr>
        </p:nvSpPr>
        <p:spPr>
          <a:xfrm>
            <a:off x="1615241" y="3297178"/>
            <a:ext cx="811212" cy="401637"/>
          </a:xfrm>
        </p:spPr>
        <p:txBody>
          <a:bodyPr/>
          <a:lstStyle>
            <a:lvl1pPr marL="0" indent="0">
              <a:buNone/>
              <a:defRPr sz="700"/>
            </a:lvl1pPr>
          </a:lstStyle>
          <a:p>
            <a:endParaRPr lang="en-GB" dirty="0"/>
          </a:p>
        </p:txBody>
      </p:sp>
      <p:sp>
        <p:nvSpPr>
          <p:cNvPr id="20" name="Picture Placeholder 3"/>
          <p:cNvSpPr>
            <a:spLocks noGrp="1"/>
          </p:cNvSpPr>
          <p:nvPr>
            <p:ph type="pic" sz="quarter" idx="21"/>
          </p:nvPr>
        </p:nvSpPr>
        <p:spPr>
          <a:xfrm>
            <a:off x="732037" y="3780515"/>
            <a:ext cx="811212" cy="401637"/>
          </a:xfrm>
        </p:spPr>
        <p:txBody>
          <a:bodyPr/>
          <a:lstStyle>
            <a:lvl1pPr marL="0" indent="0">
              <a:buNone/>
              <a:defRPr sz="700"/>
            </a:lvl1pPr>
          </a:lstStyle>
          <a:p>
            <a:endParaRPr lang="en-GB" dirty="0"/>
          </a:p>
        </p:txBody>
      </p:sp>
      <p:sp>
        <p:nvSpPr>
          <p:cNvPr id="22" name="Picture Placeholder 3"/>
          <p:cNvSpPr>
            <a:spLocks noGrp="1"/>
          </p:cNvSpPr>
          <p:nvPr>
            <p:ph type="pic" sz="quarter" idx="22"/>
          </p:nvPr>
        </p:nvSpPr>
        <p:spPr>
          <a:xfrm>
            <a:off x="1615241" y="3780515"/>
            <a:ext cx="811212" cy="401637"/>
          </a:xfrm>
        </p:spPr>
        <p:txBody>
          <a:bodyPr/>
          <a:lstStyle>
            <a:lvl1pPr marL="0" indent="0">
              <a:buNone/>
              <a:defRPr sz="700"/>
            </a:lvl1pPr>
          </a:lstStyle>
          <a:p>
            <a:endParaRPr lang="en-GB" dirty="0"/>
          </a:p>
        </p:txBody>
      </p:sp>
      <p:sp>
        <p:nvSpPr>
          <p:cNvPr id="23" name="Picture Placeholder 3"/>
          <p:cNvSpPr>
            <a:spLocks noGrp="1"/>
          </p:cNvSpPr>
          <p:nvPr>
            <p:ph type="pic" sz="quarter" idx="23"/>
          </p:nvPr>
        </p:nvSpPr>
        <p:spPr>
          <a:xfrm>
            <a:off x="732037" y="4263852"/>
            <a:ext cx="811212" cy="401637"/>
          </a:xfrm>
        </p:spPr>
        <p:txBody>
          <a:bodyPr/>
          <a:lstStyle>
            <a:lvl1pPr marL="0" indent="0">
              <a:buNone/>
              <a:defRPr sz="700"/>
            </a:lvl1pPr>
          </a:lstStyle>
          <a:p>
            <a:endParaRPr lang="en-GB" dirty="0"/>
          </a:p>
        </p:txBody>
      </p:sp>
      <p:sp>
        <p:nvSpPr>
          <p:cNvPr id="26" name="Picture Placeholder 3"/>
          <p:cNvSpPr>
            <a:spLocks noGrp="1"/>
          </p:cNvSpPr>
          <p:nvPr>
            <p:ph type="pic" sz="quarter" idx="24"/>
          </p:nvPr>
        </p:nvSpPr>
        <p:spPr>
          <a:xfrm>
            <a:off x="1615241" y="4263852"/>
            <a:ext cx="811212" cy="401637"/>
          </a:xfrm>
        </p:spPr>
        <p:txBody>
          <a:bodyPr/>
          <a:lstStyle>
            <a:lvl1pPr marL="0" indent="0">
              <a:buNone/>
              <a:defRPr sz="700"/>
            </a:lvl1pPr>
          </a:lstStyle>
          <a:p>
            <a:endParaRPr lang="en-GB" dirty="0"/>
          </a:p>
        </p:txBody>
      </p:sp>
      <p:sp>
        <p:nvSpPr>
          <p:cNvPr id="27" name="Picture Placeholder 3"/>
          <p:cNvSpPr>
            <a:spLocks noGrp="1"/>
          </p:cNvSpPr>
          <p:nvPr>
            <p:ph type="pic" sz="quarter" idx="25"/>
          </p:nvPr>
        </p:nvSpPr>
        <p:spPr>
          <a:xfrm>
            <a:off x="732037" y="4747188"/>
            <a:ext cx="811212" cy="401637"/>
          </a:xfrm>
        </p:spPr>
        <p:txBody>
          <a:bodyPr/>
          <a:lstStyle>
            <a:lvl1pPr marL="0" indent="0">
              <a:buNone/>
              <a:defRPr sz="700"/>
            </a:lvl1pPr>
          </a:lstStyle>
          <a:p>
            <a:endParaRPr lang="en-GB" dirty="0"/>
          </a:p>
        </p:txBody>
      </p:sp>
      <p:sp>
        <p:nvSpPr>
          <p:cNvPr id="28" name="Picture Placeholder 3"/>
          <p:cNvSpPr>
            <a:spLocks noGrp="1"/>
          </p:cNvSpPr>
          <p:nvPr>
            <p:ph type="pic" sz="quarter" idx="26"/>
          </p:nvPr>
        </p:nvSpPr>
        <p:spPr>
          <a:xfrm>
            <a:off x="1615241" y="4747188"/>
            <a:ext cx="811212" cy="401637"/>
          </a:xfrm>
        </p:spPr>
        <p:txBody>
          <a:bodyPr/>
          <a:lstStyle>
            <a:lvl1pPr marL="0" indent="0">
              <a:buNone/>
              <a:defRPr sz="700"/>
            </a:lvl1pPr>
          </a:lstStyle>
          <a:p>
            <a:endParaRPr lang="en-GB" dirty="0"/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0B2FB172-3A14-464B-98CA-B9D7BA7D977E}"/>
              </a:ext>
            </a:extLst>
          </p:cNvPr>
          <p:cNvSpPr txBox="1">
            <a:spLocks/>
          </p:cNvSpPr>
          <p:nvPr userDrawn="1"/>
        </p:nvSpPr>
        <p:spPr>
          <a:xfrm>
            <a:off x="2884589" y="1808670"/>
            <a:ext cx="3661305" cy="1212947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/>
          <a:lstStyle>
            <a:lvl1pPr marL="0" indent="0" algn="l" defTabSz="1828800" rtl="0" eaLnBrk="1" latinLnBrk="0" hangingPunct="1">
              <a:lnSpc>
                <a:spcPct val="100000"/>
              </a:lnSpc>
              <a:spcBef>
                <a:spcPts val="2000"/>
              </a:spcBef>
              <a:buFont typeface="Arial" panose="020B0604020202020204" pitchFamily="34" charset="0"/>
              <a:buNone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257300" indent="-342900" algn="l" defTabSz="18288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828800" indent="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200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41148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50292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9436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8580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772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900" dirty="0"/>
          </a:p>
        </p:txBody>
      </p:sp>
      <p:sp>
        <p:nvSpPr>
          <p:cNvPr id="32" name="Text Placeholder 3">
            <a:extLst>
              <a:ext uri="{FF2B5EF4-FFF2-40B4-BE49-F238E27FC236}">
                <a16:creationId xmlns:a16="http://schemas.microsoft.com/office/drawing/2014/main" id="{0B2FB172-3A14-464B-98CA-B9D7BA7D977E}"/>
              </a:ext>
            </a:extLst>
          </p:cNvPr>
          <p:cNvSpPr txBox="1">
            <a:spLocks/>
          </p:cNvSpPr>
          <p:nvPr userDrawn="1"/>
        </p:nvSpPr>
        <p:spPr>
          <a:xfrm>
            <a:off x="2884589" y="3114497"/>
            <a:ext cx="3661305" cy="137023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/>
          <a:lstStyle>
            <a:lvl1pPr marL="0" indent="0" algn="l" defTabSz="1828800" rtl="0" eaLnBrk="1" latinLnBrk="0" hangingPunct="1">
              <a:lnSpc>
                <a:spcPct val="100000"/>
              </a:lnSpc>
              <a:spcBef>
                <a:spcPts val="2000"/>
              </a:spcBef>
              <a:buFont typeface="Arial" panose="020B0604020202020204" pitchFamily="34" charset="0"/>
              <a:buNone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257300" indent="-342900" algn="l" defTabSz="18288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828800" indent="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200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41148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50292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9436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8580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772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900" dirty="0"/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0B2FB172-3A14-464B-98CA-B9D7BA7D977E}"/>
              </a:ext>
            </a:extLst>
          </p:cNvPr>
          <p:cNvSpPr txBox="1">
            <a:spLocks/>
          </p:cNvSpPr>
          <p:nvPr userDrawn="1"/>
        </p:nvSpPr>
        <p:spPr>
          <a:xfrm>
            <a:off x="2883763" y="4574815"/>
            <a:ext cx="3661305" cy="1394086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/>
          <a:lstStyle>
            <a:lvl1pPr marL="0" indent="0" algn="l" defTabSz="1828800" rtl="0" eaLnBrk="1" latinLnBrk="0" hangingPunct="1">
              <a:lnSpc>
                <a:spcPct val="100000"/>
              </a:lnSpc>
              <a:spcBef>
                <a:spcPts val="2000"/>
              </a:spcBef>
              <a:buFont typeface="Arial" panose="020B0604020202020204" pitchFamily="34" charset="0"/>
              <a:buNone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257300" indent="-342900" algn="l" defTabSz="18288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828800" indent="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200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41148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50292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9436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8580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772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828800" rtl="0" eaLnBrk="1" fontAlgn="auto" latinLnBrk="0" hangingPunct="1">
              <a:lnSpc>
                <a:spcPct val="100000"/>
              </a:lnSpc>
              <a:spcBef>
                <a:spcPts val="2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dirty="0"/>
          </a:p>
        </p:txBody>
      </p:sp>
      <p:sp>
        <p:nvSpPr>
          <p:cNvPr id="34" name="Text Placeholder 3">
            <a:extLst>
              <a:ext uri="{FF2B5EF4-FFF2-40B4-BE49-F238E27FC236}">
                <a16:creationId xmlns:a16="http://schemas.microsoft.com/office/drawing/2014/main" id="{0B2FB172-3A14-464B-98CA-B9D7BA7D977E}"/>
              </a:ext>
            </a:extLst>
          </p:cNvPr>
          <p:cNvSpPr txBox="1">
            <a:spLocks/>
          </p:cNvSpPr>
          <p:nvPr userDrawn="1"/>
        </p:nvSpPr>
        <p:spPr>
          <a:xfrm>
            <a:off x="6626352" y="1808670"/>
            <a:ext cx="4890389" cy="4160231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/>
          <a:lstStyle>
            <a:lvl1pPr marL="0" indent="0" algn="l" defTabSz="1828800" rtl="0" eaLnBrk="1" latinLnBrk="0" hangingPunct="1">
              <a:lnSpc>
                <a:spcPct val="100000"/>
              </a:lnSpc>
              <a:spcBef>
                <a:spcPts val="2000"/>
              </a:spcBef>
              <a:buFont typeface="Arial" panose="020B0604020202020204" pitchFamily="34" charset="0"/>
              <a:buNone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257300" indent="-342900" algn="l" defTabSz="18288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828800" indent="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200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41148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50292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9436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8580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772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11200" indent="-457200">
              <a:spcBef>
                <a:spcPts val="0"/>
              </a:spcBef>
              <a:buClr>
                <a:schemeClr val="accent1"/>
              </a:buClr>
              <a:buFont typeface="Wingdings" panose="05000000000000000000" pitchFamily="2" charset="2"/>
              <a:buChar char="§"/>
            </a:pPr>
            <a:endParaRPr lang="en-GB" sz="900" dirty="0"/>
          </a:p>
        </p:txBody>
      </p:sp>
      <p:sp>
        <p:nvSpPr>
          <p:cNvPr id="35" name="Text Placeholder 3"/>
          <p:cNvSpPr>
            <a:spLocks noGrp="1"/>
          </p:cNvSpPr>
          <p:nvPr>
            <p:ph type="body" sz="quarter" idx="27"/>
          </p:nvPr>
        </p:nvSpPr>
        <p:spPr>
          <a:xfrm>
            <a:off x="2955925" y="2120461"/>
            <a:ext cx="3532188" cy="884633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050"/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  <a:endParaRPr lang="en-GB" dirty="0"/>
          </a:p>
        </p:txBody>
      </p:sp>
      <p:sp>
        <p:nvSpPr>
          <p:cNvPr id="36" name="Text Placeholder 20">
            <a:extLst>
              <a:ext uri="{FF2B5EF4-FFF2-40B4-BE49-F238E27FC236}">
                <a16:creationId xmlns:a16="http://schemas.microsoft.com/office/drawing/2014/main" id="{48CE24CF-7B79-4672-9245-AA8F18BBA6BC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2955926" y="1819713"/>
            <a:ext cx="3532188" cy="289706"/>
          </a:xfrm>
        </p:spPr>
        <p:txBody>
          <a:bodyPr/>
          <a:lstStyle>
            <a:lvl1pPr>
              <a:buNone/>
              <a:defRPr sz="16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39" name="Text Placeholder 3"/>
          <p:cNvSpPr>
            <a:spLocks noGrp="1"/>
          </p:cNvSpPr>
          <p:nvPr>
            <p:ph type="body" sz="quarter" idx="29"/>
          </p:nvPr>
        </p:nvSpPr>
        <p:spPr>
          <a:xfrm>
            <a:off x="2955924" y="3423892"/>
            <a:ext cx="3532188" cy="984209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050"/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  <a:endParaRPr lang="en-GB" dirty="0"/>
          </a:p>
        </p:txBody>
      </p:sp>
      <p:sp>
        <p:nvSpPr>
          <p:cNvPr id="40" name="Text Placeholder 20">
            <a:extLst>
              <a:ext uri="{FF2B5EF4-FFF2-40B4-BE49-F238E27FC236}">
                <a16:creationId xmlns:a16="http://schemas.microsoft.com/office/drawing/2014/main" id="{48CE24CF-7B79-4672-9245-AA8F18BBA6BC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2955925" y="3123144"/>
            <a:ext cx="3532188" cy="289706"/>
          </a:xfrm>
        </p:spPr>
        <p:txBody>
          <a:bodyPr/>
          <a:lstStyle>
            <a:lvl1pPr>
              <a:buNone/>
              <a:defRPr sz="16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41" name="Text Placeholder 3"/>
          <p:cNvSpPr>
            <a:spLocks noGrp="1"/>
          </p:cNvSpPr>
          <p:nvPr>
            <p:ph type="body" sz="quarter" idx="31"/>
          </p:nvPr>
        </p:nvSpPr>
        <p:spPr>
          <a:xfrm>
            <a:off x="2955923" y="4884727"/>
            <a:ext cx="3532188" cy="984209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050"/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  <a:endParaRPr lang="en-GB" dirty="0"/>
          </a:p>
        </p:txBody>
      </p:sp>
      <p:sp>
        <p:nvSpPr>
          <p:cNvPr id="42" name="Text Placeholder 20">
            <a:extLst>
              <a:ext uri="{FF2B5EF4-FFF2-40B4-BE49-F238E27FC236}">
                <a16:creationId xmlns:a16="http://schemas.microsoft.com/office/drawing/2014/main" id="{48CE24CF-7B79-4672-9245-AA8F18BBA6BC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2955924" y="4583979"/>
            <a:ext cx="3532188" cy="289706"/>
          </a:xfrm>
        </p:spPr>
        <p:txBody>
          <a:bodyPr/>
          <a:lstStyle>
            <a:lvl1pPr>
              <a:buNone/>
              <a:defRPr sz="16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43" name="Text Placeholder 3"/>
          <p:cNvSpPr>
            <a:spLocks noGrp="1"/>
          </p:cNvSpPr>
          <p:nvPr>
            <p:ph type="body" sz="quarter" idx="33"/>
          </p:nvPr>
        </p:nvSpPr>
        <p:spPr>
          <a:xfrm>
            <a:off x="6765923" y="2132473"/>
            <a:ext cx="4616779" cy="3736463"/>
          </a:xfrm>
        </p:spPr>
        <p:txBody>
          <a:bodyPr/>
          <a:lstStyle>
            <a:lvl1pPr>
              <a:defRPr sz="1200"/>
            </a:lvl1pPr>
            <a:lvl2pPr>
              <a:defRPr sz="1100"/>
            </a:lvl2pPr>
            <a:lvl3pPr>
              <a:defRPr sz="1050"/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  <a:endParaRPr lang="en-GB" dirty="0"/>
          </a:p>
        </p:txBody>
      </p:sp>
      <p:sp>
        <p:nvSpPr>
          <p:cNvPr id="44" name="Text Placeholder 20">
            <a:extLst>
              <a:ext uri="{FF2B5EF4-FFF2-40B4-BE49-F238E27FC236}">
                <a16:creationId xmlns:a16="http://schemas.microsoft.com/office/drawing/2014/main" id="{48CE24CF-7B79-4672-9245-AA8F18BBA6B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765924" y="1831725"/>
            <a:ext cx="4616777" cy="289706"/>
          </a:xfrm>
        </p:spPr>
        <p:txBody>
          <a:bodyPr/>
          <a:lstStyle>
            <a:lvl1pPr>
              <a:buNone/>
              <a:defRPr sz="16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46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26900305" name="image" descr="{&quot;templafy&quot;:{&quot;id&quot;:&quot;fef732a4-8890-4c89-b95b-3a0b7aa5fb8c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363652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866">
          <p15:clr>
            <a:srgbClr val="FF96FF"/>
          </p15:clr>
        </p15:guide>
        <p15:guide id="2" pos="453">
          <p15:clr>
            <a:srgbClr val="FF96FF"/>
          </p15:clr>
        </p15:guide>
        <p15:guide id="3" pos="2010">
          <p15:clr>
            <a:srgbClr val="FF96FF"/>
          </p15:clr>
        </p15:guide>
        <p15:guide id="4" pos="2192">
          <p15:clr>
            <a:srgbClr val="FF96FF"/>
          </p15:clr>
        </p15:guide>
        <p15:guide id="5" pos="3749">
          <p15:clr>
            <a:srgbClr val="FF96FF"/>
          </p15:clr>
        </p15:guide>
        <p15:guide id="6" pos="3930">
          <p15:clr>
            <a:srgbClr val="FF96FF"/>
          </p15:clr>
        </p15:guide>
        <p15:guide id="7" pos="5487">
          <p15:clr>
            <a:srgbClr val="FF96FF"/>
          </p15:clr>
        </p15:guide>
        <p15:guide id="8" pos="5669">
          <p15:clr>
            <a:srgbClr val="FF96FF"/>
          </p15:clr>
        </p15:guide>
        <p15:guide id="9" pos="7226">
          <p15:clr>
            <a:srgbClr val="FF96FF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015DE6C8-0616-4774-AF7E-F476EE8CED2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6D5B9A92-2D56-4D33-B0D5-0143A602B06C}"/>
              </a:ext>
            </a:extLst>
          </p:cNvPr>
          <p:cNvSpPr/>
          <p:nvPr userDrawn="1"/>
        </p:nvSpPr>
        <p:spPr>
          <a:xfrm>
            <a:off x="0" y="0"/>
            <a:ext cx="12193591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alpha val="59000"/>
                </a:schemeClr>
              </a:gs>
              <a:gs pos="71000">
                <a:schemeClr val="tx2">
                  <a:alpha val="94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ext" descr="{&quot;templafy&quot;:{&quot;id&quot;:&quot;2c68b6e5-a4fc-47f3-a9fc-c75ddd4f26bb&quot;}}" title="Form.Title">
            <a:extLst>
              <a:ext uri="{FF2B5EF4-FFF2-40B4-BE49-F238E27FC236}">
                <a16:creationId xmlns:a16="http://schemas.microsoft.com/office/drawing/2014/main" id="{8FA9ACF4-D57C-4660-B66F-9E9B89FF98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9999" y="2366682"/>
            <a:ext cx="10751275" cy="1349656"/>
          </a:xfrm>
        </p:spPr>
        <p:txBody>
          <a:bodyPr anchor="b"/>
          <a:lstStyle>
            <a:lvl1pPr algn="ctr"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Motor Claims Inflation</a:t>
            </a:r>
          </a:p>
        </p:txBody>
      </p:sp>
      <p:sp>
        <p:nvSpPr>
          <p:cNvPr id="3" name="text" descr="{&quot;templafy&quot;:{&quot;id&quot;:&quot;af7d0d58-3c3f-4109-b554-7234d1ea937f&quot;}}" title="Form.Subtitle">
            <a:extLst>
              <a:ext uri="{FF2B5EF4-FFF2-40B4-BE49-F238E27FC236}">
                <a16:creationId xmlns:a16="http://schemas.microsoft.com/office/drawing/2014/main" id="{95B2D117-503C-4300-AE95-6642A6EE18E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19999" y="3860998"/>
            <a:ext cx="10751275" cy="1350000"/>
          </a:xfrm>
        </p:spPr>
        <p:txBody>
          <a:bodyPr lIns="0" tIns="0" rIns="0" bIns="0"/>
          <a:lstStyle>
            <a:lvl1pPr marL="0" indent="0" algn="ctr">
              <a:buNone/>
              <a:defRPr sz="2800">
                <a:solidFill>
                  <a:schemeClr val="accent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t>2020-2023</a:t>
            </a:r>
          </a:p>
        </p:txBody>
      </p:sp>
      <p:pic>
        <p:nvPicPr>
          <p:cNvPr id="2062992162" name="image" descr="{&quot;templafy&quot;:{&quot;id&quot;:&quot;9efe5593-b2cb-4fd9-8998-e6f4461a1b4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291809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F2CB397-DDAD-4144-80F8-F58857EAC756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206005" y="1577975"/>
            <a:ext cx="4745533" cy="431800"/>
          </a:xfrm>
          <a:noFill/>
          <a:ln w="6350">
            <a:solidFill>
              <a:schemeClr val="tx1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E5F8396B-1A29-4F5F-B034-5607F6E4DF8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19138" y="1577975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C89DE2C4-1BD9-4EAF-806D-895198032E1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06005" y="2064876"/>
            <a:ext cx="4745533" cy="431800"/>
          </a:xfrm>
          <a:noFill/>
          <a:ln w="6350">
            <a:solidFill>
              <a:schemeClr val="tx1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16" name="Text Placeholder 2">
            <a:extLst>
              <a:ext uri="{FF2B5EF4-FFF2-40B4-BE49-F238E27FC236}">
                <a16:creationId xmlns:a16="http://schemas.microsoft.com/office/drawing/2014/main" id="{558371EA-6B14-4D51-91E6-3EAE709DE2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19138" y="2064876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32" name="Text Placeholder 2">
            <a:extLst>
              <a:ext uri="{FF2B5EF4-FFF2-40B4-BE49-F238E27FC236}">
                <a16:creationId xmlns:a16="http://schemas.microsoft.com/office/drawing/2014/main" id="{790F40C4-12F9-4537-A955-E8D129B6032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206005" y="2551777"/>
            <a:ext cx="4745533" cy="431800"/>
          </a:xfrm>
          <a:noFill/>
          <a:ln w="6350">
            <a:solidFill>
              <a:schemeClr val="tx1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33" name="Text Placeholder 2">
            <a:extLst>
              <a:ext uri="{FF2B5EF4-FFF2-40B4-BE49-F238E27FC236}">
                <a16:creationId xmlns:a16="http://schemas.microsoft.com/office/drawing/2014/main" id="{177A5A17-DBFB-4C99-9EF0-8A44AF0FC24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19138" y="2551777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34" name="Text Placeholder 2">
            <a:extLst>
              <a:ext uri="{FF2B5EF4-FFF2-40B4-BE49-F238E27FC236}">
                <a16:creationId xmlns:a16="http://schemas.microsoft.com/office/drawing/2014/main" id="{32BDB54A-712B-4A56-A6C2-BDC9398A93F3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206005" y="3038678"/>
            <a:ext cx="4745533" cy="431800"/>
          </a:xfrm>
          <a:noFill/>
          <a:ln w="6350">
            <a:solidFill>
              <a:schemeClr val="tx1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35" name="Text Placeholder 2">
            <a:extLst>
              <a:ext uri="{FF2B5EF4-FFF2-40B4-BE49-F238E27FC236}">
                <a16:creationId xmlns:a16="http://schemas.microsoft.com/office/drawing/2014/main" id="{F8823DC7-D5CB-4EB8-AA2D-E19ADDF2D68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19138" y="3038678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36" name="Text Placeholder 2">
            <a:extLst>
              <a:ext uri="{FF2B5EF4-FFF2-40B4-BE49-F238E27FC236}">
                <a16:creationId xmlns:a16="http://schemas.microsoft.com/office/drawing/2014/main" id="{E6DE431C-5241-4461-9773-7C35E9A47C2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1206005" y="3525579"/>
            <a:ext cx="4745533" cy="431800"/>
          </a:xfrm>
          <a:noFill/>
          <a:ln w="6350">
            <a:solidFill>
              <a:schemeClr val="tx1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37" name="Text Placeholder 2">
            <a:extLst>
              <a:ext uri="{FF2B5EF4-FFF2-40B4-BE49-F238E27FC236}">
                <a16:creationId xmlns:a16="http://schemas.microsoft.com/office/drawing/2014/main" id="{1D30F895-EA76-4C51-AF97-8D0B6A6147B9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19138" y="3525579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38" name="Text Placeholder 2">
            <a:extLst>
              <a:ext uri="{FF2B5EF4-FFF2-40B4-BE49-F238E27FC236}">
                <a16:creationId xmlns:a16="http://schemas.microsoft.com/office/drawing/2014/main" id="{70D1EFFF-FDD6-4B36-9130-911A6562C9B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206005" y="4012480"/>
            <a:ext cx="4745533" cy="431800"/>
          </a:xfrm>
          <a:noFill/>
          <a:ln w="6350">
            <a:solidFill>
              <a:schemeClr val="tx1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39" name="Text Placeholder 2">
            <a:extLst>
              <a:ext uri="{FF2B5EF4-FFF2-40B4-BE49-F238E27FC236}">
                <a16:creationId xmlns:a16="http://schemas.microsoft.com/office/drawing/2014/main" id="{A7045E61-EDEB-4E33-8CF4-97642F1AFB6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719138" y="4012480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40" name="Text Placeholder 2">
            <a:extLst>
              <a:ext uri="{FF2B5EF4-FFF2-40B4-BE49-F238E27FC236}">
                <a16:creationId xmlns:a16="http://schemas.microsoft.com/office/drawing/2014/main" id="{5FF0E8A4-2C94-4197-B9C4-1EE0EA94108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1206005" y="4499381"/>
            <a:ext cx="4745533" cy="431800"/>
          </a:xfrm>
          <a:noFill/>
          <a:ln w="6350">
            <a:solidFill>
              <a:schemeClr val="tx1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41" name="Text Placeholder 2">
            <a:extLst>
              <a:ext uri="{FF2B5EF4-FFF2-40B4-BE49-F238E27FC236}">
                <a16:creationId xmlns:a16="http://schemas.microsoft.com/office/drawing/2014/main" id="{EFEC00F4-0400-41DF-8C6D-2763F9C2943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19138" y="4499381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42" name="Text Placeholder 2">
            <a:extLst>
              <a:ext uri="{FF2B5EF4-FFF2-40B4-BE49-F238E27FC236}">
                <a16:creationId xmlns:a16="http://schemas.microsoft.com/office/drawing/2014/main" id="{4EC7C3D0-A395-4847-9848-753FF134128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1206005" y="4986282"/>
            <a:ext cx="4745533" cy="431800"/>
          </a:xfrm>
          <a:noFill/>
          <a:ln w="6350">
            <a:solidFill>
              <a:schemeClr val="tx1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43" name="Text Placeholder 2">
            <a:extLst>
              <a:ext uri="{FF2B5EF4-FFF2-40B4-BE49-F238E27FC236}">
                <a16:creationId xmlns:a16="http://schemas.microsoft.com/office/drawing/2014/main" id="{CBD2D680-CB8B-4E9F-9E79-D9283C4D723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19138" y="4986282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44" name="Text Placeholder 2">
            <a:extLst>
              <a:ext uri="{FF2B5EF4-FFF2-40B4-BE49-F238E27FC236}">
                <a16:creationId xmlns:a16="http://schemas.microsoft.com/office/drawing/2014/main" id="{6A447770-CDD4-429A-94BB-034CED76BB43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206005" y="5473184"/>
            <a:ext cx="4745533" cy="431800"/>
          </a:xfrm>
          <a:noFill/>
          <a:ln w="6350">
            <a:solidFill>
              <a:schemeClr val="tx1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45" name="Text Placeholder 2">
            <a:extLst>
              <a:ext uri="{FF2B5EF4-FFF2-40B4-BE49-F238E27FC236}">
                <a16:creationId xmlns:a16="http://schemas.microsoft.com/office/drawing/2014/main" id="{900DC590-8405-4E97-B5F3-058FA6F8710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719138" y="5473184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pic>
        <p:nvPicPr>
          <p:cNvPr id="1237078347" name="image" descr="{&quot;templafy&quot;:{&quot;id&quot;:&quot;edff077e-9368-4108-8aeb-6ece19c124c4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29" name="text" descr="{&quot;templafy&quot;:{&quot;id&quot;:&quot;effa1161-3f99-4725-a24d-fcc6eb434f41&quot;}}" title="Form.Division.Website">
            <a:extLst>
              <a:ext uri="{FF2B5EF4-FFF2-40B4-BE49-F238E27FC236}">
                <a16:creationId xmlns:a16="http://schemas.microsoft.com/office/drawing/2014/main" id="{7119BFE9-96EE-4E6F-B807-8286F1DE0028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452188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5EF0B7E-64DB-4139-9CB4-381D31A897D2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20000" y="1584000"/>
            <a:ext cx="10752000" cy="4554000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  <a:lvl2pPr>
              <a:buClr>
                <a:schemeClr val="tx1"/>
              </a:buClr>
              <a:defRPr/>
            </a:lvl2pPr>
            <a:lvl3pPr>
              <a:buClr>
                <a:schemeClr val="tx1"/>
              </a:buClr>
              <a:defRPr/>
            </a:lvl3pPr>
            <a:lvl4pPr>
              <a:buClr>
                <a:schemeClr val="tx1"/>
              </a:buClr>
              <a:defRPr/>
            </a:lvl4pPr>
            <a:lvl5pPr>
              <a:buClr>
                <a:schemeClr val="tx1"/>
              </a:buCl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5" name="text" descr="{&quot;templafy&quot;:{&quot;id&quot;:&quot;e06cdef3-13f9-4336-8e56-797cf9d9c3a3&quot;}}" title="Form.Division.Website">
            <a:extLst>
              <a:ext uri="{FF2B5EF4-FFF2-40B4-BE49-F238E27FC236}">
                <a16:creationId xmlns:a16="http://schemas.microsoft.com/office/drawing/2014/main" id="{59303406-320D-4AE2-880C-AD0748C91A7F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pic>
        <p:nvPicPr>
          <p:cNvPr id="639277753" name="image" descr="{&quot;templafy&quot;:{&quot;id&quot;:&quot;5473c8c3-725f-4c13-bc39-9fd30a381f2e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970832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4" orient="horz" pos="3866">
          <p15:clr>
            <a:srgbClr val="FF96FF"/>
          </p15:clr>
        </p15:guide>
        <p15:guide id="5" pos="453">
          <p15:clr>
            <a:srgbClr val="FF96FF"/>
          </p15:clr>
        </p15:guide>
        <p15:guide id="6" pos="3749">
          <p15:clr>
            <a:srgbClr val="FF96FF"/>
          </p15:clr>
        </p15:guide>
        <p15:guide id="7" pos="3930">
          <p15:clr>
            <a:srgbClr val="FF96FF"/>
          </p15:clr>
        </p15:guide>
        <p15:guide id="8" pos="7226">
          <p15:clr>
            <a:srgbClr val="FF96FF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 and Subtitle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7858036-0EFA-488B-9F7E-A6619C37F68B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719138" y="1947600"/>
            <a:ext cx="10739437" cy="418967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736259889" name="image" descr="{&quot;templafy&quot;:{&quot;id&quot;:&quot;01efe106-cca3-4748-9b43-0c1c657ffe2e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6" name="text" descr="{&quot;templafy&quot;:{&quot;id&quot;:&quot;1cf1fa57-1e05-4f94-8351-189e06f5b03e&quot;}}" title="Form.Division.Website">
            <a:extLst>
              <a:ext uri="{FF2B5EF4-FFF2-40B4-BE49-F238E27FC236}">
                <a16:creationId xmlns:a16="http://schemas.microsoft.com/office/drawing/2014/main" id="{758CE02C-7E06-4A77-B5D1-44EA9A3E9E71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D1C970CA-7D66-46B1-B461-B08A2FE2C8E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19139" y="739319"/>
            <a:ext cx="7991474" cy="325681"/>
          </a:xfrm>
        </p:spPr>
        <p:txBody>
          <a:bodyPr/>
          <a:lstStyle>
            <a:lvl1pPr marL="0" indent="0">
              <a:buNone/>
              <a:defRPr sz="2000">
                <a:solidFill>
                  <a:schemeClr val="accent1"/>
                </a:solidFill>
              </a:defRPr>
            </a:lvl1pPr>
            <a:lvl2pPr marL="0" indent="0">
              <a:buNone/>
              <a:defRPr sz="2000">
                <a:solidFill>
                  <a:schemeClr val="accent1"/>
                </a:solidFill>
              </a:defRPr>
            </a:lvl2pPr>
            <a:lvl3pPr marL="0" indent="0">
              <a:buNone/>
              <a:defRPr sz="2000">
                <a:solidFill>
                  <a:schemeClr val="accent1"/>
                </a:solidFill>
              </a:defRPr>
            </a:lvl3pPr>
            <a:lvl4pPr marL="0" indent="0">
              <a:buNone/>
              <a:defRPr sz="2000">
                <a:solidFill>
                  <a:schemeClr val="accent1"/>
                </a:solidFill>
              </a:defRPr>
            </a:lvl4pPr>
            <a:lvl5pPr marL="0" indent="0">
              <a:buNone/>
              <a:defRPr sz="2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4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227718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494438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4" orient="horz" pos="3866" userDrawn="1">
          <p15:clr>
            <a:srgbClr val="FF96FF"/>
          </p15:clr>
        </p15:guide>
        <p15:guide id="5" pos="453" userDrawn="1">
          <p15:clr>
            <a:srgbClr val="FF96FF"/>
          </p15:clr>
        </p15:guide>
        <p15:guide id="6" pos="3749" userDrawn="1">
          <p15:clr>
            <a:srgbClr val="FF96FF"/>
          </p15:clr>
        </p15:guide>
        <p15:guide id="7" pos="3930" userDrawn="1">
          <p15:clr>
            <a:srgbClr val="FF96FF"/>
          </p15:clr>
        </p15:guide>
        <p15:guide id="8" pos="7226" userDrawn="1">
          <p15:clr>
            <a:srgbClr val="FF96FF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 and Highlight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6CC132A-752E-49EE-8020-24BF6F9DA8FA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19138" y="1384468"/>
            <a:ext cx="6612731" cy="4837037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B345854-2144-4B92-8B88-CC69BC115A0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19206" y="1384469"/>
            <a:ext cx="3839369" cy="2349121"/>
          </a:xfrm>
          <a:solidFill>
            <a:schemeClr val="accent1"/>
          </a:solidFill>
        </p:spPr>
        <p:txBody>
          <a:bodyPr lIns="216000" tIns="216000" rIns="216000" bIns="216000"/>
          <a:lstStyle>
            <a:lvl1pPr>
              <a:buClr>
                <a:schemeClr val="tx1"/>
              </a:buClr>
              <a:defRPr>
                <a:solidFill>
                  <a:schemeClr val="tx1"/>
                </a:solidFill>
              </a:defRPr>
            </a:lvl1pPr>
            <a:lvl2pPr>
              <a:buClr>
                <a:schemeClr val="tx1"/>
              </a:buClr>
              <a:defRPr>
                <a:solidFill>
                  <a:schemeClr val="tx1"/>
                </a:solidFill>
              </a:defRPr>
            </a:lvl2pPr>
            <a:lvl3pPr>
              <a:buClr>
                <a:schemeClr val="tx1"/>
              </a:buClr>
              <a:defRPr>
                <a:solidFill>
                  <a:schemeClr val="tx1"/>
                </a:solidFill>
              </a:defRPr>
            </a:lvl3pPr>
            <a:lvl4pPr>
              <a:buClr>
                <a:schemeClr val="tx1"/>
              </a:buClr>
              <a:defRPr>
                <a:solidFill>
                  <a:schemeClr val="tx1"/>
                </a:solidFill>
              </a:defRPr>
            </a:lvl4pPr>
            <a:lvl5pPr>
              <a:buClr>
                <a:schemeClr val="tx1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1257107530" name="image" descr="{&quot;templafy&quot;:{&quot;id&quot;:&quot;2a4553d0-3fc8-447b-9a12-b77abe1488bb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6" name="text" descr="{&quot;templafy&quot;:{&quot;id&quot;:&quot;57a894f1-0ed9-46a0-9cca-6f33634ddc98&quot;}}" title="Form.Division.Website">
            <a:extLst>
              <a:ext uri="{FF2B5EF4-FFF2-40B4-BE49-F238E27FC236}">
                <a16:creationId xmlns:a16="http://schemas.microsoft.com/office/drawing/2014/main" id="{40C3E8F4-D666-4000-9188-3A4A4AE47CCB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98570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ighlights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48A2B2F-E20F-45C9-A074-222832DC42CB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719138" y="1415950"/>
            <a:ext cx="357187" cy="70760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4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6148490A-8FA5-429C-A43A-5A92DFF9BED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19138" y="2156530"/>
            <a:ext cx="2471737" cy="398074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7" name="Text Placeholder 4">
            <a:extLst>
              <a:ext uri="{FF2B5EF4-FFF2-40B4-BE49-F238E27FC236}">
                <a16:creationId xmlns:a16="http://schemas.microsoft.com/office/drawing/2014/main" id="{5C2CA503-7843-4764-91A7-B654987A81BC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479800" y="1415950"/>
            <a:ext cx="357187" cy="70760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4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18" name="Text Placeholder 4">
            <a:extLst>
              <a:ext uri="{FF2B5EF4-FFF2-40B4-BE49-F238E27FC236}">
                <a16:creationId xmlns:a16="http://schemas.microsoft.com/office/drawing/2014/main" id="{49A4BF61-CB76-4BF6-A7BD-01F3969D317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479800" y="2156530"/>
            <a:ext cx="2471737" cy="398074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9" name="Text Placeholder 4">
            <a:extLst>
              <a:ext uri="{FF2B5EF4-FFF2-40B4-BE49-F238E27FC236}">
                <a16:creationId xmlns:a16="http://schemas.microsoft.com/office/drawing/2014/main" id="{69CDE0BA-8471-49A1-BC5D-6C8E566597F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240462" y="1415950"/>
            <a:ext cx="357187" cy="70760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4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0260A408-1961-4794-A24A-B1B32A9984E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240462" y="2156530"/>
            <a:ext cx="2471737" cy="398074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2" name="Text Placeholder 4">
            <a:extLst>
              <a:ext uri="{FF2B5EF4-FFF2-40B4-BE49-F238E27FC236}">
                <a16:creationId xmlns:a16="http://schemas.microsoft.com/office/drawing/2014/main" id="{2F71811D-C564-483D-883B-5BA5209865D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999538" y="1415950"/>
            <a:ext cx="357187" cy="70760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4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24" name="Text Placeholder 4">
            <a:extLst>
              <a:ext uri="{FF2B5EF4-FFF2-40B4-BE49-F238E27FC236}">
                <a16:creationId xmlns:a16="http://schemas.microsoft.com/office/drawing/2014/main" id="{05550B3F-FA10-4790-B8A9-2D8012C6F44C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8999538" y="2156530"/>
            <a:ext cx="2471737" cy="398074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476713170" name="image" descr="{&quot;templafy&quot;:{&quot;id&quot;:&quot;736e8350-4e7e-4d0a-8dca-61329ed671e3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27" name="text" descr="{&quot;templafy&quot;:{&quot;id&quot;:&quot;3caef9e0-23ab-4655-9cd6-f87a8f950d9e&quot;}}" title="Form.Division.Website">
            <a:extLst>
              <a:ext uri="{FF2B5EF4-FFF2-40B4-BE49-F238E27FC236}">
                <a16:creationId xmlns:a16="http://schemas.microsoft.com/office/drawing/2014/main" id="{D0ED0056-A689-4C4E-899B-6EA667938FC9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710569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uides" hidden="1">
            <a:extLst>
              <a:ext uri="{FF2B5EF4-FFF2-40B4-BE49-F238E27FC236}">
                <a16:creationId xmlns:a16="http://schemas.microsoft.com/office/drawing/2014/main" id="{1CCC1DA6-3109-44AB-859A-3A8651415C8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26D59C5-94A5-4B26-94BD-5C95552D59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91D2CF7-C994-4B5C-80E0-B4E29DE99A3E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727B3C2D-6843-4D2C-8FC4-E8088A8BD3AD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67DF4D41-8E03-48E4-8D46-281451AC3EEC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19999" y="1584000"/>
            <a:ext cx="5232000" cy="4554000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0FBC68ED-384F-4667-8D01-507F41C5B4A4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6239999" y="1584000"/>
            <a:ext cx="5232000" cy="4554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1704561023" name="image" descr="{&quot;templafy&quot;:{&quot;id&quot;:&quot;f5b6db53-6130-4153-9f7f-f417ec50e341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8" name="text" descr="{&quot;templafy&quot;:{&quot;id&quot;:&quot;2bda50a5-3e4d-48ec-83ae-6688c8542f55&quot;}}" title="Form.Division.Website">
            <a:extLst>
              <a:ext uri="{FF2B5EF4-FFF2-40B4-BE49-F238E27FC236}">
                <a16:creationId xmlns:a16="http://schemas.microsoft.com/office/drawing/2014/main" id="{873C3EA5-7CDF-4FB5-BBCA-3C27D8081AFB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9011853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4" orient="horz" pos="3866" userDrawn="1">
          <p15:clr>
            <a:srgbClr val="FF96FF"/>
          </p15:clr>
        </p15:guide>
        <p15:guide id="5" pos="453" userDrawn="1">
          <p15:clr>
            <a:srgbClr val="FF96FF"/>
          </p15:clr>
        </p15:guide>
        <p15:guide id="6" pos="3749" userDrawn="1">
          <p15:clr>
            <a:srgbClr val="FF96FF"/>
          </p15:clr>
        </p15:guide>
        <p15:guide id="7" pos="3930" userDrawn="1">
          <p15:clr>
            <a:srgbClr val="FF96FF"/>
          </p15:clr>
        </p15:guide>
        <p15:guide id="8" pos="7226" userDrawn="1">
          <p15:clr>
            <a:srgbClr val="FF96FF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uides" hidden="1">
            <a:extLst>
              <a:ext uri="{FF2B5EF4-FFF2-40B4-BE49-F238E27FC236}">
                <a16:creationId xmlns:a16="http://schemas.microsoft.com/office/drawing/2014/main" id="{1CCC1DA6-3109-44AB-859A-3A8651415C8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26D59C5-94A5-4B26-94BD-5C95552D59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91D2CF7-C994-4B5C-80E0-B4E29DE99A3E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727B3C2D-6843-4D2C-8FC4-E8088A8BD3AD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67DF4D41-8E03-48E4-8D46-281451AC3EEC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19999" y="4003674"/>
            <a:ext cx="5232000" cy="2134325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0FBC68ED-384F-4667-8D01-507F41C5B4A4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719138" y="1584000"/>
            <a:ext cx="10752861" cy="2131497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5" name="Content Placeholder 6">
            <a:extLst>
              <a:ext uri="{FF2B5EF4-FFF2-40B4-BE49-F238E27FC236}">
                <a16:creationId xmlns:a16="http://schemas.microsoft.com/office/drawing/2014/main" id="{7B252B1C-29EA-44A0-8AA3-E0FF216FF845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6236736" y="4003674"/>
            <a:ext cx="5232000" cy="2134325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272474946" name="image" descr="{&quot;templafy&quot;:{&quot;id&quot;:&quot;44239c95-64a2-47b5-b407-25958a58d255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9" name="text" descr="{&quot;templafy&quot;:{&quot;id&quot;:&quot;f13ca0ab-ee89-4ac2-be17-1726d8b892f7&quot;}}" title="Form.Division.Website">
            <a:extLst>
              <a:ext uri="{FF2B5EF4-FFF2-40B4-BE49-F238E27FC236}">
                <a16:creationId xmlns:a16="http://schemas.microsoft.com/office/drawing/2014/main" id="{4881BFF4-D572-49B3-8E71-60DB083E4B6F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594382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4" orient="horz" pos="3866" userDrawn="1">
          <p15:clr>
            <a:srgbClr val="FF96FF"/>
          </p15:clr>
        </p15:guide>
        <p15:guide id="5" pos="453" userDrawn="1">
          <p15:clr>
            <a:srgbClr val="FF96FF"/>
          </p15:clr>
        </p15:guide>
        <p15:guide id="6" pos="3749" userDrawn="1">
          <p15:clr>
            <a:srgbClr val="FF96FF"/>
          </p15:clr>
        </p15:guide>
        <p15:guide id="7" pos="3930" userDrawn="1">
          <p15:clr>
            <a:srgbClr val="FF96FF"/>
          </p15:clr>
        </p15:guide>
        <p15:guide id="8" pos="7226" userDrawn="1">
          <p15:clr>
            <a:srgbClr val="FF96FF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uides" hidden="1">
            <a:extLst>
              <a:ext uri="{FF2B5EF4-FFF2-40B4-BE49-F238E27FC236}">
                <a16:creationId xmlns:a16="http://schemas.microsoft.com/office/drawing/2014/main" id="{1CCC1DA6-3109-44AB-859A-3A8651415C8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26D59C5-94A5-4B26-94BD-5C95552D59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91D2CF7-C994-4B5C-80E0-B4E29DE99A3E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727B3C2D-6843-4D2C-8FC4-E8088A8BD3AD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Content Placeholder 6">
            <a:extLst>
              <a:ext uri="{FF2B5EF4-FFF2-40B4-BE49-F238E27FC236}">
                <a16:creationId xmlns:a16="http://schemas.microsoft.com/office/drawing/2014/main" id="{4E7FC25F-56FC-4C5A-819A-3385C4339BFC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719999" y="4003674"/>
            <a:ext cx="5232000" cy="2134325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8" name="Content Placeholder 6">
            <a:extLst>
              <a:ext uri="{FF2B5EF4-FFF2-40B4-BE49-F238E27FC236}">
                <a16:creationId xmlns:a16="http://schemas.microsoft.com/office/drawing/2014/main" id="{7C5CBA74-7230-44C8-802D-3FA1445F74CC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236736" y="4003674"/>
            <a:ext cx="5232000" cy="2134325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9" name="Content Placeholder 6">
            <a:extLst>
              <a:ext uri="{FF2B5EF4-FFF2-40B4-BE49-F238E27FC236}">
                <a16:creationId xmlns:a16="http://schemas.microsoft.com/office/drawing/2014/main" id="{C4CFC900-71DD-40D1-B878-7DC9701B2530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719999" y="1585188"/>
            <a:ext cx="5232000" cy="2134325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0" name="Content Placeholder 6">
            <a:extLst>
              <a:ext uri="{FF2B5EF4-FFF2-40B4-BE49-F238E27FC236}">
                <a16:creationId xmlns:a16="http://schemas.microsoft.com/office/drawing/2014/main" id="{DBC6EAA6-0220-4591-A376-013F57945B06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236736" y="1585188"/>
            <a:ext cx="5232000" cy="2134325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227225715" name="image" descr="{&quot;templafy&quot;:{&quot;id&quot;:&quot;ede6e118-615c-418b-8ad2-3075fbfd5a92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21" name="text" descr="{&quot;templafy&quot;:{&quot;id&quot;:&quot;0ef7acab-2ff8-4a62-aa9c-3a857d1a6d10&quot;}}" title="Form.Division.Website">
            <a:extLst>
              <a:ext uri="{FF2B5EF4-FFF2-40B4-BE49-F238E27FC236}">
                <a16:creationId xmlns:a16="http://schemas.microsoft.com/office/drawing/2014/main" id="{21935FFB-D0DA-4359-B13D-BE0D41B994E7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287500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4" orient="horz" pos="3866" userDrawn="1">
          <p15:clr>
            <a:srgbClr val="FF96FF"/>
          </p15:clr>
        </p15:guide>
        <p15:guide id="5" pos="453" userDrawn="1">
          <p15:clr>
            <a:srgbClr val="FF96FF"/>
          </p15:clr>
        </p15:guide>
        <p15:guide id="6" pos="3749" userDrawn="1">
          <p15:clr>
            <a:srgbClr val="FF96FF"/>
          </p15:clr>
        </p15:guide>
        <p15:guide id="7" pos="3930" userDrawn="1">
          <p15:clr>
            <a:srgbClr val="FF96FF"/>
          </p15:clr>
        </p15:guide>
        <p15:guide id="8" pos="7226" userDrawn="1">
          <p15:clr>
            <a:srgbClr val="FF96FF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_Margin Picture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437341F8-B0E1-4065-A36B-1C46AC79323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3388" r="10886" b="138"/>
          <a:stretch/>
        </p:blipFill>
        <p:spPr>
          <a:xfrm>
            <a:off x="8999538" y="-9524"/>
            <a:ext cx="3192461" cy="6867524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6D5B9A92-2D56-4D33-B0D5-0143A602B06C}"/>
              </a:ext>
            </a:extLst>
          </p:cNvPr>
          <p:cNvSpPr/>
          <p:nvPr userDrawn="1"/>
        </p:nvSpPr>
        <p:spPr>
          <a:xfrm>
            <a:off x="8998742" y="0"/>
            <a:ext cx="3194053" cy="6858000"/>
          </a:xfrm>
          <a:prstGeom prst="rect">
            <a:avLst/>
          </a:prstGeom>
          <a:gradFill flip="none" rotWithShape="1">
            <a:gsLst>
              <a:gs pos="0">
                <a:schemeClr val="bg2">
                  <a:alpha val="0"/>
                </a:schemeClr>
              </a:gs>
              <a:gs pos="100000">
                <a:schemeClr val="bg2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Guides" hidden="1">
            <a:extLst>
              <a:ext uri="{FF2B5EF4-FFF2-40B4-BE49-F238E27FC236}">
                <a16:creationId xmlns:a16="http://schemas.microsoft.com/office/drawing/2014/main" id="{1CCC1DA6-3109-44AB-859A-3A8651415C8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14" name="Content Placeholder 3">
            <a:extLst>
              <a:ext uri="{FF2B5EF4-FFF2-40B4-BE49-F238E27FC236}">
                <a16:creationId xmlns:a16="http://schemas.microsoft.com/office/drawing/2014/main" id="{1958328C-42C3-45A9-9A9D-FEC835D1BF55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19138" y="1577975"/>
            <a:ext cx="7991475" cy="45593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54B96FE8-8124-49FA-A9C8-DB684B96EB2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17D13EEC-4404-4362-9B39-92C17F6084F5}"/>
              </a:ext>
            </a:extLst>
          </p:cNvPr>
          <p:cNvCxnSpPr>
            <a:cxnSpLocks/>
            <a:endCxn id="1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val 20">
            <a:extLst>
              <a:ext uri="{FF2B5EF4-FFF2-40B4-BE49-F238E27FC236}">
                <a16:creationId xmlns:a16="http://schemas.microsoft.com/office/drawing/2014/main" id="{5FC35B50-2E6D-41FB-B884-FF1D8EFE136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26850480" name="image" descr="{&quot;templafy&quot;:{&quot;id&quot;:&quot;efdabef2-f62a-42bb-83db-938d48bd681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7" name="text" descr="{&quot;templafy&quot;:{&quot;id&quot;:&quot;45bd0992-1afd-4b7b-802f-f3bae8d4b193&quot;}}" title="Form.Division.Website">
            <a:extLst>
              <a:ext uri="{FF2B5EF4-FFF2-40B4-BE49-F238E27FC236}">
                <a16:creationId xmlns:a16="http://schemas.microsoft.com/office/drawing/2014/main" id="{E7FD21F6-62C5-4659-B2B5-ACA610F1E818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8280401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64966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4" orient="horz" pos="2341">
          <p15:clr>
            <a:srgbClr val="FF96FF"/>
          </p15:clr>
        </p15:guide>
        <p15:guide id="5" orient="horz" pos="2522">
          <p15:clr>
            <a:srgbClr val="FF96FF"/>
          </p15:clr>
        </p15:guide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uides" hidden="1">
            <a:extLst>
              <a:ext uri="{FF2B5EF4-FFF2-40B4-BE49-F238E27FC236}">
                <a16:creationId xmlns:a16="http://schemas.microsoft.com/office/drawing/2014/main" id="{1CCC1DA6-3109-44AB-859A-3A8651415C8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26D59C5-94A5-4B26-94BD-5C95552D59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91D2CF7-C994-4B5C-80E0-B4E29DE99A3E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727B3C2D-6843-4D2C-8FC4-E8088A8BD3AD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1876130604" name="image" descr="{&quot;templafy&quot;:{&quot;id&quot;:&quot;1e33221a-7d98-4935-a032-2efc8c2bfb21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6" name="text" descr="{&quot;templafy&quot;:{&quot;id&quot;:&quot;60a0884e-44b3-4ff1-a29f-9fa69c2257ca&quot;}}" title="Form.Division.Website">
            <a:extLst>
              <a:ext uri="{FF2B5EF4-FFF2-40B4-BE49-F238E27FC236}">
                <a16:creationId xmlns:a16="http://schemas.microsoft.com/office/drawing/2014/main" id="{4A297CA0-878B-403B-B304-EFBD08E34302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386472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4" orient="horz" pos="3866" userDrawn="1">
          <p15:clr>
            <a:srgbClr val="FF96FF"/>
          </p15:clr>
        </p15:guide>
        <p15:guide id="5" pos="453" userDrawn="1">
          <p15:clr>
            <a:srgbClr val="FF96FF"/>
          </p15:clr>
        </p15:guide>
        <p15:guide id="6" pos="3749" userDrawn="1">
          <p15:clr>
            <a:srgbClr val="FF96FF"/>
          </p15:clr>
        </p15:guide>
        <p15:guide id="7" pos="3930" userDrawn="1">
          <p15:clr>
            <a:srgbClr val="FF96FF"/>
          </p15:clr>
        </p15:guide>
        <p15:guide id="8" pos="7226" userDrawn="1">
          <p15:clr>
            <a:srgbClr val="FF96FF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_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015DE6C8-0616-4774-AF7E-F476EE8CED2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6D5B9A92-2D56-4D33-B0D5-0143A602B06C}"/>
              </a:ext>
            </a:extLst>
          </p:cNvPr>
          <p:cNvSpPr/>
          <p:nvPr userDrawn="1"/>
        </p:nvSpPr>
        <p:spPr>
          <a:xfrm>
            <a:off x="0" y="0"/>
            <a:ext cx="12193591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alpha val="59000"/>
                </a:schemeClr>
              </a:gs>
              <a:gs pos="71000">
                <a:schemeClr val="tx2">
                  <a:alpha val="94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ext" descr="{&quot;templafy&quot;:{&quot;id&quot;:&quot;48b6e904-7c0a-489a-a464-1c44ffd1eb8f&quot;}}" title="Form.Title">
            <a:extLst>
              <a:ext uri="{FF2B5EF4-FFF2-40B4-BE49-F238E27FC236}">
                <a16:creationId xmlns:a16="http://schemas.microsoft.com/office/drawing/2014/main" id="{8FA9ACF4-D57C-4660-B66F-9E9B89FF98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9999" y="2366682"/>
            <a:ext cx="10751275" cy="1349656"/>
          </a:xfrm>
        </p:spPr>
        <p:txBody>
          <a:bodyPr anchor="b"/>
          <a:lstStyle>
            <a:lvl1pPr algn="ctr"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Motor Claims Inflation</a:t>
            </a:r>
          </a:p>
        </p:txBody>
      </p:sp>
      <p:sp>
        <p:nvSpPr>
          <p:cNvPr id="3" name="text" descr="{&quot;templafy&quot;:{&quot;id&quot;:&quot;9e68d0a0-dfbc-4c72-9722-9c809368d54d&quot;}}" title="Form.Subtitle">
            <a:extLst>
              <a:ext uri="{FF2B5EF4-FFF2-40B4-BE49-F238E27FC236}">
                <a16:creationId xmlns:a16="http://schemas.microsoft.com/office/drawing/2014/main" id="{95B2D117-503C-4300-AE95-6642A6EE18E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19999" y="3860998"/>
            <a:ext cx="10751275" cy="1350000"/>
          </a:xfrm>
        </p:spPr>
        <p:txBody>
          <a:bodyPr lIns="0" tIns="0" rIns="0" bIns="0"/>
          <a:lstStyle>
            <a:lvl1pPr marL="0" indent="0" algn="ctr">
              <a:buNone/>
              <a:defRPr sz="2800">
                <a:solidFill>
                  <a:schemeClr val="accent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t>2020-2023</a:t>
            </a:r>
          </a:p>
        </p:txBody>
      </p:sp>
      <p:pic>
        <p:nvPicPr>
          <p:cNvPr id="1500636022" name="image" descr="{&quot;templafy&quot;:{&quot;id&quot;:&quot;14193fac-6fd6-4f00-894d-a950eb6cafb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954747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uides" hidden="1">
            <a:extLst>
              <a:ext uri="{FF2B5EF4-FFF2-40B4-BE49-F238E27FC236}">
                <a16:creationId xmlns:a16="http://schemas.microsoft.com/office/drawing/2014/main" id="{1CCC1DA6-3109-44AB-859A-3A8651415C8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26D59C5-94A5-4B26-94BD-5C95552D59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91D2CF7-C994-4B5C-80E0-B4E29DE99A3E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727B3C2D-6843-4D2C-8FC4-E8088A8BD3AD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Graphic 3">
            <a:extLst>
              <a:ext uri="{FF2B5EF4-FFF2-40B4-BE49-F238E27FC236}">
                <a16:creationId xmlns:a16="http://schemas.microsoft.com/office/drawing/2014/main" id="{3E5A0BAD-FAAF-4827-98B6-B0AB103B5115}"/>
              </a:ext>
            </a:extLst>
          </p:cNvPr>
          <p:cNvSpPr/>
          <p:nvPr/>
        </p:nvSpPr>
        <p:spPr>
          <a:xfrm>
            <a:off x="714004" y="1577975"/>
            <a:ext cx="687522" cy="517525"/>
          </a:xfrm>
          <a:custGeom>
            <a:avLst/>
            <a:gdLst>
              <a:gd name="connsiteX0" fmla="*/ 549223 w 1681441"/>
              <a:gd name="connsiteY0" fmla="*/ 695110 h 1265688"/>
              <a:gd name="connsiteX1" fmla="*/ 549223 w 1681441"/>
              <a:gd name="connsiteY1" fmla="*/ 1036379 h 1265688"/>
              <a:gd name="connsiteX2" fmla="*/ 534195 w 1681441"/>
              <a:gd name="connsiteY2" fmla="*/ 1156605 h 1265688"/>
              <a:gd name="connsiteX3" fmla="*/ 483475 w 1681441"/>
              <a:gd name="connsiteY3" fmla="*/ 1226111 h 1265688"/>
              <a:gd name="connsiteX4" fmla="*/ 396436 w 1681441"/>
              <a:gd name="connsiteY4" fmla="*/ 1258046 h 1265688"/>
              <a:gd name="connsiteX5" fmla="*/ 271199 w 1681441"/>
              <a:gd name="connsiteY5" fmla="*/ 1265560 h 1265688"/>
              <a:gd name="connsiteX6" fmla="*/ 145963 w 1681441"/>
              <a:gd name="connsiteY6" fmla="*/ 1258046 h 1265688"/>
              <a:gd name="connsiteX7" fmla="*/ 63308 w 1681441"/>
              <a:gd name="connsiteY7" fmla="*/ 1226111 h 1265688"/>
              <a:gd name="connsiteX8" fmla="*/ 15718 w 1681441"/>
              <a:gd name="connsiteY8" fmla="*/ 1156605 h 1265688"/>
              <a:gd name="connsiteX9" fmla="*/ 63 w 1681441"/>
              <a:gd name="connsiteY9" fmla="*/ 1036379 h 1265688"/>
              <a:gd name="connsiteX10" fmla="*/ 8203 w 1681441"/>
              <a:gd name="connsiteY10" fmla="*/ 882338 h 1265688"/>
              <a:gd name="connsiteX11" fmla="*/ 33251 w 1681441"/>
              <a:gd name="connsiteY11" fmla="*/ 748336 h 1265688"/>
              <a:gd name="connsiteX12" fmla="*/ 80841 w 1681441"/>
              <a:gd name="connsiteY12" fmla="*/ 623100 h 1265688"/>
              <a:gd name="connsiteX13" fmla="*/ 152225 w 1681441"/>
              <a:gd name="connsiteY13" fmla="*/ 502247 h 1265688"/>
              <a:gd name="connsiteX14" fmla="*/ 434006 w 1681441"/>
              <a:gd name="connsiteY14" fmla="*/ 81453 h 1265688"/>
              <a:gd name="connsiteX15" fmla="*/ 465942 w 1681441"/>
              <a:gd name="connsiteY15" fmla="*/ 43883 h 1265688"/>
              <a:gd name="connsiteX16" fmla="*/ 507896 w 1681441"/>
              <a:gd name="connsiteY16" fmla="*/ 18835 h 1265688"/>
              <a:gd name="connsiteX17" fmla="*/ 570514 w 1681441"/>
              <a:gd name="connsiteY17" fmla="*/ 4433 h 1265688"/>
              <a:gd name="connsiteX18" fmla="*/ 656301 w 1681441"/>
              <a:gd name="connsiteY18" fmla="*/ 50 h 1265688"/>
              <a:gd name="connsiteX19" fmla="*/ 748349 w 1681441"/>
              <a:gd name="connsiteY19" fmla="*/ 4433 h 1265688"/>
              <a:gd name="connsiteX20" fmla="*/ 801574 w 1681441"/>
              <a:gd name="connsiteY20" fmla="*/ 20714 h 1265688"/>
              <a:gd name="connsiteX21" fmla="*/ 819107 w 1681441"/>
              <a:gd name="connsiteY21" fmla="*/ 50770 h 1265688"/>
              <a:gd name="connsiteX22" fmla="*/ 810341 w 1681441"/>
              <a:gd name="connsiteY22" fmla="*/ 92724 h 1265688"/>
              <a:gd name="connsiteX23" fmla="*/ 1414605 w 1681441"/>
              <a:gd name="connsiteY23" fmla="*/ 695110 h 1265688"/>
              <a:gd name="connsiteX24" fmla="*/ 1414605 w 1681441"/>
              <a:gd name="connsiteY24" fmla="*/ 1036379 h 1265688"/>
              <a:gd name="connsiteX25" fmla="*/ 1397698 w 1681441"/>
              <a:gd name="connsiteY25" fmla="*/ 1156605 h 1265688"/>
              <a:gd name="connsiteX26" fmla="*/ 1346977 w 1681441"/>
              <a:gd name="connsiteY26" fmla="*/ 1226111 h 1265688"/>
              <a:gd name="connsiteX27" fmla="*/ 1259312 w 1681441"/>
              <a:gd name="connsiteY27" fmla="*/ 1258046 h 1265688"/>
              <a:gd name="connsiteX28" fmla="*/ 1134076 w 1681441"/>
              <a:gd name="connsiteY28" fmla="*/ 1265560 h 1265688"/>
              <a:gd name="connsiteX29" fmla="*/ 1008840 w 1681441"/>
              <a:gd name="connsiteY29" fmla="*/ 1258046 h 1265688"/>
              <a:gd name="connsiteX30" fmla="*/ 925558 w 1681441"/>
              <a:gd name="connsiteY30" fmla="*/ 1226111 h 1265688"/>
              <a:gd name="connsiteX31" fmla="*/ 877968 w 1681441"/>
              <a:gd name="connsiteY31" fmla="*/ 1156605 h 1265688"/>
              <a:gd name="connsiteX32" fmla="*/ 863566 w 1681441"/>
              <a:gd name="connsiteY32" fmla="*/ 1036379 h 1265688"/>
              <a:gd name="connsiteX33" fmla="*/ 871080 w 1681441"/>
              <a:gd name="connsiteY33" fmla="*/ 882338 h 1265688"/>
              <a:gd name="connsiteX34" fmla="*/ 896754 w 1681441"/>
              <a:gd name="connsiteY34" fmla="*/ 748336 h 1265688"/>
              <a:gd name="connsiteX35" fmla="*/ 943717 w 1681441"/>
              <a:gd name="connsiteY35" fmla="*/ 623100 h 1265688"/>
              <a:gd name="connsiteX36" fmla="*/ 1015728 w 1681441"/>
              <a:gd name="connsiteY36" fmla="*/ 502247 h 1265688"/>
              <a:gd name="connsiteX37" fmla="*/ 1295004 w 1681441"/>
              <a:gd name="connsiteY37" fmla="*/ 81453 h 1265688"/>
              <a:gd name="connsiteX38" fmla="*/ 1326940 w 1681441"/>
              <a:gd name="connsiteY38" fmla="*/ 43883 h 1265688"/>
              <a:gd name="connsiteX39" fmla="*/ 1368894 w 1681441"/>
              <a:gd name="connsiteY39" fmla="*/ 18835 h 1265688"/>
              <a:gd name="connsiteX40" fmla="*/ 1431512 w 1681441"/>
              <a:gd name="connsiteY40" fmla="*/ 4433 h 1265688"/>
              <a:gd name="connsiteX41" fmla="*/ 1519177 w 1681441"/>
              <a:gd name="connsiteY41" fmla="*/ 50 h 1265688"/>
              <a:gd name="connsiteX42" fmla="*/ 1611852 w 1681441"/>
              <a:gd name="connsiteY42" fmla="*/ 4433 h 1265688"/>
              <a:gd name="connsiteX43" fmla="*/ 1663825 w 1681441"/>
              <a:gd name="connsiteY43" fmla="*/ 20714 h 1265688"/>
              <a:gd name="connsiteX44" fmla="*/ 1681358 w 1681441"/>
              <a:gd name="connsiteY44" fmla="*/ 50770 h 1265688"/>
              <a:gd name="connsiteX45" fmla="*/ 1671339 w 1681441"/>
              <a:gd name="connsiteY45" fmla="*/ 92724 h 12656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</a:cxnLst>
            <a:rect l="l" t="t" r="r" b="b"/>
            <a:pathLst>
              <a:path w="1681441" h="1265688">
                <a:moveTo>
                  <a:pt x="549223" y="695110"/>
                </a:moveTo>
                <a:lnTo>
                  <a:pt x="549223" y="1036379"/>
                </a:lnTo>
                <a:cubicBezTo>
                  <a:pt x="550887" y="1077009"/>
                  <a:pt x="545809" y="1117635"/>
                  <a:pt x="534195" y="1156605"/>
                </a:cubicBezTo>
                <a:cubicBezTo>
                  <a:pt x="524625" y="1184328"/>
                  <a:pt x="506956" y="1208541"/>
                  <a:pt x="483475" y="1226111"/>
                </a:cubicBezTo>
                <a:cubicBezTo>
                  <a:pt x="457275" y="1243251"/>
                  <a:pt x="427503" y="1254174"/>
                  <a:pt x="396436" y="1258046"/>
                </a:cubicBezTo>
                <a:cubicBezTo>
                  <a:pt x="354914" y="1263444"/>
                  <a:pt x="313068" y="1265954"/>
                  <a:pt x="271199" y="1265560"/>
                </a:cubicBezTo>
                <a:cubicBezTo>
                  <a:pt x="229326" y="1266159"/>
                  <a:pt x="187465" y="1263647"/>
                  <a:pt x="145963" y="1258046"/>
                </a:cubicBezTo>
                <a:cubicBezTo>
                  <a:pt x="116210" y="1254339"/>
                  <a:pt x="87824" y="1243372"/>
                  <a:pt x="63308" y="1226111"/>
                </a:cubicBezTo>
                <a:cubicBezTo>
                  <a:pt x="40757" y="1208310"/>
                  <a:pt x="24158" y="1184067"/>
                  <a:pt x="15718" y="1156605"/>
                </a:cubicBezTo>
                <a:cubicBezTo>
                  <a:pt x="4235" y="1117597"/>
                  <a:pt x="-1047" y="1077026"/>
                  <a:pt x="63" y="1036379"/>
                </a:cubicBezTo>
                <a:cubicBezTo>
                  <a:pt x="41" y="984924"/>
                  <a:pt x="2758" y="933504"/>
                  <a:pt x="8203" y="882338"/>
                </a:cubicBezTo>
                <a:cubicBezTo>
                  <a:pt x="12814" y="837052"/>
                  <a:pt x="21192" y="792229"/>
                  <a:pt x="33251" y="748336"/>
                </a:cubicBezTo>
                <a:cubicBezTo>
                  <a:pt x="44890" y="705105"/>
                  <a:pt x="60833" y="663150"/>
                  <a:pt x="80841" y="623100"/>
                </a:cubicBezTo>
                <a:cubicBezTo>
                  <a:pt x="101862" y="581240"/>
                  <a:pt x="125712" y="540862"/>
                  <a:pt x="152225" y="502247"/>
                </a:cubicBezTo>
                <a:lnTo>
                  <a:pt x="434006" y="81453"/>
                </a:lnTo>
                <a:cubicBezTo>
                  <a:pt x="443332" y="67866"/>
                  <a:pt x="454034" y="55276"/>
                  <a:pt x="465942" y="43883"/>
                </a:cubicBezTo>
                <a:cubicBezTo>
                  <a:pt x="478230" y="32974"/>
                  <a:pt x="492463" y="24477"/>
                  <a:pt x="507896" y="18835"/>
                </a:cubicBezTo>
                <a:cubicBezTo>
                  <a:pt x="528063" y="11366"/>
                  <a:pt x="549109" y="6526"/>
                  <a:pt x="570514" y="4433"/>
                </a:cubicBezTo>
                <a:cubicBezTo>
                  <a:pt x="598985" y="1125"/>
                  <a:pt x="627640" y="-339"/>
                  <a:pt x="656301" y="50"/>
                </a:cubicBezTo>
                <a:cubicBezTo>
                  <a:pt x="687045" y="-437"/>
                  <a:pt x="717790" y="1027"/>
                  <a:pt x="748349" y="4433"/>
                </a:cubicBezTo>
                <a:cubicBezTo>
                  <a:pt x="767038" y="6056"/>
                  <a:pt x="785175" y="11604"/>
                  <a:pt x="801574" y="20714"/>
                </a:cubicBezTo>
                <a:cubicBezTo>
                  <a:pt x="812066" y="27181"/>
                  <a:pt x="818642" y="38454"/>
                  <a:pt x="819107" y="50770"/>
                </a:cubicBezTo>
                <a:cubicBezTo>
                  <a:pt x="818488" y="65139"/>
                  <a:pt x="815527" y="79310"/>
                  <a:pt x="810341" y="92724"/>
                </a:cubicBezTo>
                <a:close/>
                <a:moveTo>
                  <a:pt x="1414605" y="695110"/>
                </a:moveTo>
                <a:lnTo>
                  <a:pt x="1414605" y="1036379"/>
                </a:lnTo>
                <a:cubicBezTo>
                  <a:pt x="1416002" y="1077132"/>
                  <a:pt x="1410281" y="1117818"/>
                  <a:pt x="1397698" y="1156605"/>
                </a:cubicBezTo>
                <a:cubicBezTo>
                  <a:pt x="1388607" y="1184575"/>
                  <a:pt x="1370840" y="1208921"/>
                  <a:pt x="1346977" y="1226111"/>
                </a:cubicBezTo>
                <a:cubicBezTo>
                  <a:pt x="1320655" y="1243464"/>
                  <a:pt x="1290629" y="1254402"/>
                  <a:pt x="1259312" y="1258046"/>
                </a:cubicBezTo>
                <a:cubicBezTo>
                  <a:pt x="1217787" y="1263402"/>
                  <a:pt x="1175944" y="1265913"/>
                  <a:pt x="1134076" y="1265560"/>
                </a:cubicBezTo>
                <a:cubicBezTo>
                  <a:pt x="1092203" y="1266105"/>
                  <a:pt x="1050347" y="1263593"/>
                  <a:pt x="1008840" y="1258046"/>
                </a:cubicBezTo>
                <a:cubicBezTo>
                  <a:pt x="978918" y="1254242"/>
                  <a:pt x="950352" y="1243288"/>
                  <a:pt x="925558" y="1226111"/>
                </a:cubicBezTo>
                <a:cubicBezTo>
                  <a:pt x="902433" y="1208854"/>
                  <a:pt x="885694" y="1184406"/>
                  <a:pt x="877968" y="1156605"/>
                </a:cubicBezTo>
                <a:cubicBezTo>
                  <a:pt x="867300" y="1117452"/>
                  <a:pt x="862447" y="1076943"/>
                  <a:pt x="863566" y="1036379"/>
                </a:cubicBezTo>
                <a:cubicBezTo>
                  <a:pt x="863352" y="984935"/>
                  <a:pt x="865860" y="933517"/>
                  <a:pt x="871080" y="882338"/>
                </a:cubicBezTo>
                <a:cubicBezTo>
                  <a:pt x="876198" y="837080"/>
                  <a:pt x="884781" y="792281"/>
                  <a:pt x="896754" y="748336"/>
                </a:cubicBezTo>
                <a:cubicBezTo>
                  <a:pt x="908461" y="705215"/>
                  <a:pt x="924184" y="663286"/>
                  <a:pt x="943717" y="623100"/>
                </a:cubicBezTo>
                <a:cubicBezTo>
                  <a:pt x="964962" y="581234"/>
                  <a:pt x="989021" y="540857"/>
                  <a:pt x="1015728" y="502247"/>
                </a:cubicBezTo>
                <a:lnTo>
                  <a:pt x="1295004" y="81453"/>
                </a:lnTo>
                <a:cubicBezTo>
                  <a:pt x="1304707" y="68158"/>
                  <a:pt x="1315381" y="55600"/>
                  <a:pt x="1326940" y="43883"/>
                </a:cubicBezTo>
                <a:cubicBezTo>
                  <a:pt x="1339228" y="32974"/>
                  <a:pt x="1353461" y="24477"/>
                  <a:pt x="1368894" y="18835"/>
                </a:cubicBezTo>
                <a:cubicBezTo>
                  <a:pt x="1389061" y="11366"/>
                  <a:pt x="1410107" y="6526"/>
                  <a:pt x="1431512" y="4433"/>
                </a:cubicBezTo>
                <a:cubicBezTo>
                  <a:pt x="1460609" y="1096"/>
                  <a:pt x="1489891" y="-368"/>
                  <a:pt x="1519177" y="50"/>
                </a:cubicBezTo>
                <a:cubicBezTo>
                  <a:pt x="1550130" y="-417"/>
                  <a:pt x="1581081" y="1047"/>
                  <a:pt x="1611852" y="4433"/>
                </a:cubicBezTo>
                <a:cubicBezTo>
                  <a:pt x="1630161" y="5982"/>
                  <a:pt x="1647905" y="11540"/>
                  <a:pt x="1663825" y="20714"/>
                </a:cubicBezTo>
                <a:cubicBezTo>
                  <a:pt x="1673745" y="27722"/>
                  <a:pt x="1680140" y="38686"/>
                  <a:pt x="1681358" y="50770"/>
                </a:cubicBezTo>
                <a:cubicBezTo>
                  <a:pt x="1681462" y="65360"/>
                  <a:pt x="1678024" y="79756"/>
                  <a:pt x="1671339" y="92724"/>
                </a:cubicBezTo>
                <a:close/>
              </a:path>
            </a:pathLst>
          </a:custGeom>
          <a:solidFill>
            <a:schemeClr val="accent1"/>
          </a:solidFill>
          <a:ln w="6244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13" name="Text Placeholder 13">
            <a:extLst>
              <a:ext uri="{FF2B5EF4-FFF2-40B4-BE49-F238E27FC236}">
                <a16:creationId xmlns:a16="http://schemas.microsoft.com/office/drawing/2014/main" id="{71F9368B-3BC8-4270-9590-7C205182D20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14004" y="2316506"/>
            <a:ext cx="7996609" cy="3535020"/>
          </a:xfrm>
        </p:spPr>
        <p:txBody>
          <a:bodyPr/>
          <a:lstStyle>
            <a:lvl1pPr marL="0" indent="0">
              <a:buNone/>
              <a:defRPr sz="2800">
                <a:solidFill>
                  <a:schemeClr val="tx1"/>
                </a:solidFill>
              </a:defRPr>
            </a:lvl1pPr>
            <a:lvl2pPr marL="0" indent="0">
              <a:buNone/>
              <a:defRPr sz="1800">
                <a:solidFill>
                  <a:schemeClr val="tx1"/>
                </a:solidFill>
              </a:defRPr>
            </a:lvl2pPr>
            <a:lvl3pPr marL="0" indent="0">
              <a:buNone/>
              <a:defRPr sz="1800">
                <a:solidFill>
                  <a:schemeClr val="tx1"/>
                </a:solidFill>
              </a:defRPr>
            </a:lvl3pPr>
            <a:lvl4pPr marL="0" indent="0">
              <a:buNone/>
              <a:defRPr sz="1800">
                <a:solidFill>
                  <a:schemeClr val="tx1"/>
                </a:solidFill>
              </a:defRPr>
            </a:lvl4pPr>
            <a:lvl5pPr marL="0" indent="0">
              <a:buNone/>
              <a:defRPr sz="18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add quot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1540883963" name="image" descr="{&quot;templafy&quot;:{&quot;id&quot;:&quot;dd60d1a5-0bd2-4002-a550-89beb7a2877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7" name="text" descr="{&quot;templafy&quot;:{&quot;id&quot;:&quot;164f36ca-1fc0-4255-be72-2751cc196c66&quot;}}" title="Form.Division.Website">
            <a:extLst>
              <a:ext uri="{FF2B5EF4-FFF2-40B4-BE49-F238E27FC236}">
                <a16:creationId xmlns:a16="http://schemas.microsoft.com/office/drawing/2014/main" id="{808F75CB-8345-43CF-8891-B9CB901B18AA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</p:spTree>
    <p:extLst>
      <p:ext uri="{BB962C8B-B14F-4D97-AF65-F5344CB8AC3E}">
        <p14:creationId xmlns:p14="http://schemas.microsoft.com/office/powerpoint/2010/main" val="232259913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4" orient="horz" pos="3866">
          <p15:clr>
            <a:srgbClr val="FF96FF"/>
          </p15:clr>
        </p15:guide>
        <p15:guide id="5" pos="453">
          <p15:clr>
            <a:srgbClr val="FF96FF"/>
          </p15:clr>
        </p15:guide>
        <p15:guide id="6" pos="3749">
          <p15:clr>
            <a:srgbClr val="FF96FF"/>
          </p15:clr>
        </p15:guide>
        <p15:guide id="7" pos="3930">
          <p15:clr>
            <a:srgbClr val="FF96FF"/>
          </p15:clr>
        </p15:guide>
        <p15:guide id="8" pos="7226">
          <p15:clr>
            <a:srgbClr val="FF96FF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x1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5F5EA5A-F8B7-4775-B6CE-68F6D66A7F05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719138" y="1577975"/>
            <a:ext cx="2471737" cy="2471738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4D3F464-D8DA-4365-B91F-BCC93D5FC7E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3479800" y="2602256"/>
            <a:ext cx="5230813" cy="353502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1" name="Text Placeholder 20">
            <a:extLst>
              <a:ext uri="{FF2B5EF4-FFF2-40B4-BE49-F238E27FC236}">
                <a16:creationId xmlns:a16="http://schemas.microsoft.com/office/drawing/2014/main" id="{FD31DADB-E14B-4F7D-AD95-1AE46E51871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479800" y="1577975"/>
            <a:ext cx="5230813" cy="288000"/>
          </a:xfrm>
        </p:spPr>
        <p:txBody>
          <a:bodyPr/>
          <a:lstStyle>
            <a:lvl1pPr>
              <a:buNone/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24" name="Text Placeholder 20">
            <a:extLst>
              <a:ext uri="{FF2B5EF4-FFF2-40B4-BE49-F238E27FC236}">
                <a16:creationId xmlns:a16="http://schemas.microsoft.com/office/drawing/2014/main" id="{1898BFAA-7912-4FA5-AF48-9F1C71D5C7C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479800" y="1868420"/>
            <a:ext cx="5230813" cy="252000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25" name="Text Placeholder 20">
            <a:extLst>
              <a:ext uri="{FF2B5EF4-FFF2-40B4-BE49-F238E27FC236}">
                <a16:creationId xmlns:a16="http://schemas.microsoft.com/office/drawing/2014/main" id="{1C8C85AE-B1E3-485D-8EF7-2FF165EDD50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479800" y="2124743"/>
            <a:ext cx="5230813" cy="252000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pic>
        <p:nvPicPr>
          <p:cNvPr id="277097473" name="image" descr="{&quot;templafy&quot;:{&quot;id&quot;:&quot;77f5c611-3340-4c0d-a522-a59213ea4178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8" name="text" descr="{&quot;templafy&quot;:{&quot;id&quot;:&quot;2cafbb23-89f8-4ebd-9c43-9749f6d96dbf&quot;}}" title="Form.Division.Website">
            <a:extLst>
              <a:ext uri="{FF2B5EF4-FFF2-40B4-BE49-F238E27FC236}">
                <a16:creationId xmlns:a16="http://schemas.microsoft.com/office/drawing/2014/main" id="{463D02B1-0C5D-4E64-BE2D-CC52FBE97B9C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8070552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x2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5F5EA5A-F8B7-4775-B6CE-68F6D66A7F05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719139" y="15779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18" name="Picture Placeholder 2">
            <a:extLst>
              <a:ext uri="{FF2B5EF4-FFF2-40B4-BE49-F238E27FC236}">
                <a16:creationId xmlns:a16="http://schemas.microsoft.com/office/drawing/2014/main" id="{BC117C3A-B923-48B6-B7CD-7995853B71EE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>
          <a:xfrm>
            <a:off x="6238875" y="15779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29" name="Text Placeholder 13">
            <a:extLst>
              <a:ext uri="{FF2B5EF4-FFF2-40B4-BE49-F238E27FC236}">
                <a16:creationId xmlns:a16="http://schemas.microsoft.com/office/drawing/2014/main" id="{2FD9C762-30BE-44C8-A6B9-CDA5633AC464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2343013" y="2571750"/>
            <a:ext cx="3608525" cy="3565525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10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0" name="Text Placeholder 13">
            <a:extLst>
              <a:ext uri="{FF2B5EF4-FFF2-40B4-BE49-F238E27FC236}">
                <a16:creationId xmlns:a16="http://schemas.microsoft.com/office/drawing/2014/main" id="{96E307F9-C5FB-4F38-B52C-E1CB233D9980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7865698" y="2571750"/>
            <a:ext cx="3608525" cy="3565525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10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34" name="Text Placeholder 20">
            <a:extLst>
              <a:ext uri="{FF2B5EF4-FFF2-40B4-BE49-F238E27FC236}">
                <a16:creationId xmlns:a16="http://schemas.microsoft.com/office/drawing/2014/main" id="{48CE24CF-7B79-4672-9245-AA8F18BBA6B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343013" y="1576269"/>
            <a:ext cx="3601039" cy="289706"/>
          </a:xfrm>
        </p:spPr>
        <p:txBody>
          <a:bodyPr/>
          <a:lstStyle>
            <a:lvl1pPr>
              <a:buNone/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35" name="Text Placeholder 20">
            <a:extLst>
              <a:ext uri="{FF2B5EF4-FFF2-40B4-BE49-F238E27FC236}">
                <a16:creationId xmlns:a16="http://schemas.microsoft.com/office/drawing/2014/main" id="{A0C915CD-9589-4CB2-9568-CCD3056D7E3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343013" y="1866927"/>
            <a:ext cx="3601039" cy="253493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36" name="Text Placeholder 20">
            <a:extLst>
              <a:ext uri="{FF2B5EF4-FFF2-40B4-BE49-F238E27FC236}">
                <a16:creationId xmlns:a16="http://schemas.microsoft.com/office/drawing/2014/main" id="{1EF97DD3-2B90-47B2-9512-4178CD8BC8A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343013" y="2123250"/>
            <a:ext cx="3601039" cy="253493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37" name="Text Placeholder 20">
            <a:extLst>
              <a:ext uri="{FF2B5EF4-FFF2-40B4-BE49-F238E27FC236}">
                <a16:creationId xmlns:a16="http://schemas.microsoft.com/office/drawing/2014/main" id="{F2904DEF-B938-4922-B60B-FD72F63D2AC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868077" y="1576269"/>
            <a:ext cx="3601039" cy="289706"/>
          </a:xfrm>
        </p:spPr>
        <p:txBody>
          <a:bodyPr/>
          <a:lstStyle>
            <a:lvl1pPr>
              <a:buNone/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38" name="Text Placeholder 20">
            <a:extLst>
              <a:ext uri="{FF2B5EF4-FFF2-40B4-BE49-F238E27FC236}">
                <a16:creationId xmlns:a16="http://schemas.microsoft.com/office/drawing/2014/main" id="{CB8A63BE-1A87-4853-88BC-D6A76E49C0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7868077" y="1866927"/>
            <a:ext cx="3601039" cy="253493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39" name="Text Placeholder 20">
            <a:extLst>
              <a:ext uri="{FF2B5EF4-FFF2-40B4-BE49-F238E27FC236}">
                <a16:creationId xmlns:a16="http://schemas.microsoft.com/office/drawing/2014/main" id="{F95A41E8-F32C-464C-A724-B7D5CD24A931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7868077" y="2123250"/>
            <a:ext cx="3601039" cy="253493"/>
          </a:xfrm>
        </p:spPr>
        <p:txBody>
          <a:bodyPr/>
          <a:lstStyle>
            <a:lvl1pPr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pic>
        <p:nvPicPr>
          <p:cNvPr id="1348991019" name="image" descr="{&quot;templafy&quot;:{&quot;id&quot;:&quot;8dbdadf6-bd26-4e38-a943-d4babbf46bf0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88C5B1B2-F34D-471F-BCB8-1104732C4AB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sp>
        <p:nvSpPr>
          <p:cNvPr id="24" name="text" descr="{&quot;templafy&quot;:{&quot;id&quot;:&quot;f0c8e608-cb83-40c2-ba8d-2a9d5e983cd7&quot;}}" title="Form.Division.Website">
            <a:extLst>
              <a:ext uri="{FF2B5EF4-FFF2-40B4-BE49-F238E27FC236}">
                <a16:creationId xmlns:a16="http://schemas.microsoft.com/office/drawing/2014/main" id="{75997AAD-11AB-4761-AB82-B1B9FFAB2748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338928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x4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5F5EA5A-F8B7-4775-B6CE-68F6D66A7F05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719139" y="15779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18" name="Picture Placeholder 2">
            <a:extLst>
              <a:ext uri="{FF2B5EF4-FFF2-40B4-BE49-F238E27FC236}">
                <a16:creationId xmlns:a16="http://schemas.microsoft.com/office/drawing/2014/main" id="{BC117C3A-B923-48B6-B7CD-7995853B71EE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>
          <a:xfrm>
            <a:off x="6238875" y="15779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25" name="Picture Placeholder 2">
            <a:extLst>
              <a:ext uri="{FF2B5EF4-FFF2-40B4-BE49-F238E27FC236}">
                <a16:creationId xmlns:a16="http://schemas.microsoft.com/office/drawing/2014/main" id="{D11F72EB-235C-49D9-97CD-DABE32ED7384}"/>
              </a:ext>
            </a:extLst>
          </p:cNvPr>
          <p:cNvSpPr>
            <a:spLocks noGrp="1" noChangeAspect="1"/>
          </p:cNvSpPr>
          <p:nvPr>
            <p:ph type="pic" sz="quarter" idx="21" hasCustomPrompt="1"/>
          </p:nvPr>
        </p:nvSpPr>
        <p:spPr>
          <a:xfrm>
            <a:off x="719139" y="40100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30" name="Picture Placeholder 2">
            <a:extLst>
              <a:ext uri="{FF2B5EF4-FFF2-40B4-BE49-F238E27FC236}">
                <a16:creationId xmlns:a16="http://schemas.microsoft.com/office/drawing/2014/main" id="{1B0282A5-FD85-4BFC-BEDF-5BD633AA9CA7}"/>
              </a:ext>
            </a:extLst>
          </p:cNvPr>
          <p:cNvSpPr>
            <a:spLocks noGrp="1" noChangeAspect="1"/>
          </p:cNvSpPr>
          <p:nvPr>
            <p:ph type="pic" sz="quarter" idx="26" hasCustomPrompt="1"/>
          </p:nvPr>
        </p:nvSpPr>
        <p:spPr>
          <a:xfrm>
            <a:off x="6238875" y="4010075"/>
            <a:ext cx="1332000" cy="1332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88" name="Text Placeholder 20">
            <a:extLst>
              <a:ext uri="{FF2B5EF4-FFF2-40B4-BE49-F238E27FC236}">
                <a16:creationId xmlns:a16="http://schemas.microsoft.com/office/drawing/2014/main" id="{F6945187-556A-4DEE-8908-9D405EF5D1BC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2353901" y="1593499"/>
            <a:ext cx="3594714" cy="216000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89" name="Text Placeholder 20">
            <a:extLst>
              <a:ext uri="{FF2B5EF4-FFF2-40B4-BE49-F238E27FC236}">
                <a16:creationId xmlns:a16="http://schemas.microsoft.com/office/drawing/2014/main" id="{F2397E38-B4A9-4C4C-AAA4-859BFA78206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353901" y="1815293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90" name="Text Placeholder 20">
            <a:extLst>
              <a:ext uri="{FF2B5EF4-FFF2-40B4-BE49-F238E27FC236}">
                <a16:creationId xmlns:a16="http://schemas.microsoft.com/office/drawing/2014/main" id="{ED6378D6-B0E2-402C-BD81-4D3F9B8DDE0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353901" y="2039513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101" name="Text Placeholder 20">
            <a:extLst>
              <a:ext uri="{FF2B5EF4-FFF2-40B4-BE49-F238E27FC236}">
                <a16:creationId xmlns:a16="http://schemas.microsoft.com/office/drawing/2014/main" id="{689ADC8B-B7A7-4D5E-85D6-C540B11A3887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7860341" y="1593499"/>
            <a:ext cx="3594714" cy="216000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102" name="Text Placeholder 20">
            <a:extLst>
              <a:ext uri="{FF2B5EF4-FFF2-40B4-BE49-F238E27FC236}">
                <a16:creationId xmlns:a16="http://schemas.microsoft.com/office/drawing/2014/main" id="{8B51D79C-BD67-4E5B-9E64-113EBB0257B3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7860341" y="1815293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103" name="Text Placeholder 20">
            <a:extLst>
              <a:ext uri="{FF2B5EF4-FFF2-40B4-BE49-F238E27FC236}">
                <a16:creationId xmlns:a16="http://schemas.microsoft.com/office/drawing/2014/main" id="{8D2FC056-B42B-4DE9-8E0D-CAFBA468F560}"/>
              </a:ext>
            </a:extLst>
          </p:cNvPr>
          <p:cNvSpPr>
            <a:spLocks noGrp="1"/>
          </p:cNvSpPr>
          <p:nvPr>
            <p:ph type="body" sz="quarter" idx="43" hasCustomPrompt="1"/>
          </p:nvPr>
        </p:nvSpPr>
        <p:spPr>
          <a:xfrm>
            <a:off x="7860341" y="2039513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105" name="Text Placeholder 20">
            <a:extLst>
              <a:ext uri="{FF2B5EF4-FFF2-40B4-BE49-F238E27FC236}">
                <a16:creationId xmlns:a16="http://schemas.microsoft.com/office/drawing/2014/main" id="{94C0AA43-11C4-4335-8155-31C44277E391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7860341" y="4006143"/>
            <a:ext cx="3594714" cy="216000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106" name="Text Placeholder 20">
            <a:extLst>
              <a:ext uri="{FF2B5EF4-FFF2-40B4-BE49-F238E27FC236}">
                <a16:creationId xmlns:a16="http://schemas.microsoft.com/office/drawing/2014/main" id="{B86BB3F7-E98A-4C91-B512-8DD3A2FC82F4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7860341" y="4227937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107" name="Text Placeholder 20">
            <a:extLst>
              <a:ext uri="{FF2B5EF4-FFF2-40B4-BE49-F238E27FC236}">
                <a16:creationId xmlns:a16="http://schemas.microsoft.com/office/drawing/2014/main" id="{3D4D3024-EEDF-4126-BA25-6087B3815DC5}"/>
              </a:ext>
            </a:extLst>
          </p:cNvPr>
          <p:cNvSpPr>
            <a:spLocks noGrp="1"/>
          </p:cNvSpPr>
          <p:nvPr>
            <p:ph type="body" sz="quarter" idx="47" hasCustomPrompt="1"/>
          </p:nvPr>
        </p:nvSpPr>
        <p:spPr>
          <a:xfrm>
            <a:off x="7860341" y="4452157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109" name="Text Placeholder 20">
            <a:extLst>
              <a:ext uri="{FF2B5EF4-FFF2-40B4-BE49-F238E27FC236}">
                <a16:creationId xmlns:a16="http://schemas.microsoft.com/office/drawing/2014/main" id="{4BBA5993-5ADB-469B-8A84-98A9F380B1BC}"/>
              </a:ext>
            </a:extLst>
          </p:cNvPr>
          <p:cNvSpPr>
            <a:spLocks noGrp="1"/>
          </p:cNvSpPr>
          <p:nvPr>
            <p:ph type="body" sz="quarter" idx="49" hasCustomPrompt="1"/>
          </p:nvPr>
        </p:nvSpPr>
        <p:spPr>
          <a:xfrm>
            <a:off x="2353901" y="4006143"/>
            <a:ext cx="3594714" cy="216000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110" name="Text Placeholder 20">
            <a:extLst>
              <a:ext uri="{FF2B5EF4-FFF2-40B4-BE49-F238E27FC236}">
                <a16:creationId xmlns:a16="http://schemas.microsoft.com/office/drawing/2014/main" id="{DBDBADCB-6F7A-4AA7-8223-74B15C12874F}"/>
              </a:ext>
            </a:extLst>
          </p:cNvPr>
          <p:cNvSpPr>
            <a:spLocks noGrp="1"/>
          </p:cNvSpPr>
          <p:nvPr>
            <p:ph type="body" sz="quarter" idx="50" hasCustomPrompt="1"/>
          </p:nvPr>
        </p:nvSpPr>
        <p:spPr>
          <a:xfrm>
            <a:off x="2353901" y="4227937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111" name="Text Placeholder 20">
            <a:extLst>
              <a:ext uri="{FF2B5EF4-FFF2-40B4-BE49-F238E27FC236}">
                <a16:creationId xmlns:a16="http://schemas.microsoft.com/office/drawing/2014/main" id="{1DEC02A7-11CA-43BA-92F6-F88694431A44}"/>
              </a:ext>
            </a:extLst>
          </p:cNvPr>
          <p:cNvSpPr>
            <a:spLocks noGrp="1"/>
          </p:cNvSpPr>
          <p:nvPr>
            <p:ph type="body" sz="quarter" idx="51" hasCustomPrompt="1"/>
          </p:nvPr>
        </p:nvSpPr>
        <p:spPr>
          <a:xfrm>
            <a:off x="2353901" y="4452157"/>
            <a:ext cx="3594714" cy="216000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32" name="Text Placeholder 13">
            <a:extLst>
              <a:ext uri="{FF2B5EF4-FFF2-40B4-BE49-F238E27FC236}">
                <a16:creationId xmlns:a16="http://schemas.microsoft.com/office/drawing/2014/main" id="{B8C6E4BB-62A9-400A-992D-A49BB6DD3F88}"/>
              </a:ext>
            </a:extLst>
          </p:cNvPr>
          <p:cNvSpPr>
            <a:spLocks noGrp="1"/>
          </p:cNvSpPr>
          <p:nvPr>
            <p:ph type="body" sz="quarter" idx="54"/>
          </p:nvPr>
        </p:nvSpPr>
        <p:spPr>
          <a:xfrm>
            <a:off x="2340090" y="4859342"/>
            <a:ext cx="3608525" cy="1277933"/>
          </a:xfrm>
        </p:spPr>
        <p:txBody>
          <a:bodyPr/>
          <a:lstStyle>
            <a:lvl1pPr marL="180975" indent="-180975">
              <a:defRPr sz="1200"/>
            </a:lvl1pPr>
            <a:lvl2pPr marL="361950" indent="-180975">
              <a:defRPr sz="1100"/>
            </a:lvl2pPr>
            <a:lvl3pPr marL="534988" indent="-173038">
              <a:defRPr sz="1050"/>
            </a:lvl3pPr>
            <a:lvl4pPr marL="715963" indent="-180975">
              <a:defRPr sz="1000"/>
            </a:lvl4pPr>
            <a:lvl5pPr marL="896938" indent="-180975">
              <a:defRPr sz="9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3" name="Text Placeholder 13">
            <a:extLst>
              <a:ext uri="{FF2B5EF4-FFF2-40B4-BE49-F238E27FC236}">
                <a16:creationId xmlns:a16="http://schemas.microsoft.com/office/drawing/2014/main" id="{45F7626C-97FA-4FA6-9A02-224E1776C513}"/>
              </a:ext>
            </a:extLst>
          </p:cNvPr>
          <p:cNvSpPr>
            <a:spLocks noGrp="1"/>
          </p:cNvSpPr>
          <p:nvPr>
            <p:ph type="body" sz="quarter" idx="55"/>
          </p:nvPr>
        </p:nvSpPr>
        <p:spPr>
          <a:xfrm>
            <a:off x="2340090" y="2451964"/>
            <a:ext cx="3608525" cy="1277933"/>
          </a:xfrm>
        </p:spPr>
        <p:txBody>
          <a:bodyPr/>
          <a:lstStyle>
            <a:lvl1pPr marL="180975" indent="-180975">
              <a:defRPr sz="1200"/>
            </a:lvl1pPr>
            <a:lvl2pPr marL="361950" indent="-180975">
              <a:defRPr sz="1100"/>
            </a:lvl2pPr>
            <a:lvl3pPr marL="534988" indent="-173038">
              <a:defRPr sz="1050"/>
            </a:lvl3pPr>
            <a:lvl4pPr marL="715963" indent="-180975">
              <a:defRPr sz="1000"/>
            </a:lvl4pPr>
            <a:lvl5pPr marL="896938" indent="-180975">
              <a:defRPr sz="9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4" name="Text Placeholder 13">
            <a:extLst>
              <a:ext uri="{FF2B5EF4-FFF2-40B4-BE49-F238E27FC236}">
                <a16:creationId xmlns:a16="http://schemas.microsoft.com/office/drawing/2014/main" id="{5FBC94C7-F0DD-401D-A323-846D0C3F0A59}"/>
              </a:ext>
            </a:extLst>
          </p:cNvPr>
          <p:cNvSpPr>
            <a:spLocks noGrp="1"/>
          </p:cNvSpPr>
          <p:nvPr>
            <p:ph type="body" sz="quarter" idx="56"/>
          </p:nvPr>
        </p:nvSpPr>
        <p:spPr>
          <a:xfrm>
            <a:off x="7860341" y="4859342"/>
            <a:ext cx="3608525" cy="1277933"/>
          </a:xfrm>
        </p:spPr>
        <p:txBody>
          <a:bodyPr/>
          <a:lstStyle>
            <a:lvl1pPr marL="180975" indent="-180975">
              <a:defRPr sz="1200"/>
            </a:lvl1pPr>
            <a:lvl2pPr marL="361950" indent="-180975">
              <a:defRPr sz="1100"/>
            </a:lvl2pPr>
            <a:lvl3pPr marL="534988" indent="-173038">
              <a:defRPr sz="1050"/>
            </a:lvl3pPr>
            <a:lvl4pPr marL="715963" indent="-180975">
              <a:defRPr sz="1000"/>
            </a:lvl4pPr>
            <a:lvl5pPr marL="896938" indent="-180975">
              <a:defRPr sz="9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5" name="Text Placeholder 13">
            <a:extLst>
              <a:ext uri="{FF2B5EF4-FFF2-40B4-BE49-F238E27FC236}">
                <a16:creationId xmlns:a16="http://schemas.microsoft.com/office/drawing/2014/main" id="{98F5F511-04FE-4240-82C5-6DC453DC55B1}"/>
              </a:ext>
            </a:extLst>
          </p:cNvPr>
          <p:cNvSpPr>
            <a:spLocks noGrp="1"/>
          </p:cNvSpPr>
          <p:nvPr>
            <p:ph type="body" sz="quarter" idx="57"/>
          </p:nvPr>
        </p:nvSpPr>
        <p:spPr>
          <a:xfrm>
            <a:off x="7860341" y="2451964"/>
            <a:ext cx="3608525" cy="1277933"/>
          </a:xfrm>
        </p:spPr>
        <p:txBody>
          <a:bodyPr/>
          <a:lstStyle>
            <a:lvl1pPr marL="180975" indent="-180975">
              <a:defRPr sz="1200"/>
            </a:lvl1pPr>
            <a:lvl2pPr marL="361950" indent="-180975">
              <a:defRPr sz="1100"/>
            </a:lvl2pPr>
            <a:lvl3pPr marL="534988" indent="-173038">
              <a:defRPr sz="1050"/>
            </a:lvl3pPr>
            <a:lvl4pPr marL="715963" indent="-180975">
              <a:defRPr sz="1000"/>
            </a:lvl4pPr>
            <a:lvl5pPr marL="896938" indent="-180975">
              <a:defRPr sz="9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1403636185" name="image" descr="{&quot;templafy&quot;:{&quot;id&quot;:&quot;1f599933-6cd0-4330-a8fe-fe93880ad324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38" name="text" descr="{&quot;templafy&quot;:{&quot;id&quot;:&quot;0124ae8a-b389-4c84-8e2f-1c4c1d66202d&quot;}}" title="Form.Division.Website">
            <a:extLst>
              <a:ext uri="{FF2B5EF4-FFF2-40B4-BE49-F238E27FC236}">
                <a16:creationId xmlns:a16="http://schemas.microsoft.com/office/drawing/2014/main" id="{556730EE-1304-42FF-8525-6702266F2EB6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861465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x8_Da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5F5EA5A-F8B7-4775-B6CE-68F6D66A7F05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719139" y="1577975"/>
            <a:ext cx="1080000" cy="1080000"/>
          </a:xfrm>
          <a:prstGeom prst="ellipse">
            <a:avLst/>
          </a:prstGeo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34" name="Picture Placeholder 2">
            <a:extLst>
              <a:ext uri="{FF2B5EF4-FFF2-40B4-BE49-F238E27FC236}">
                <a16:creationId xmlns:a16="http://schemas.microsoft.com/office/drawing/2014/main" id="{6846C2C0-9280-42B2-9030-5A4344AA4A06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3479801" y="15779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38" name="Picture Placeholder 2">
            <a:extLst>
              <a:ext uri="{FF2B5EF4-FFF2-40B4-BE49-F238E27FC236}">
                <a16:creationId xmlns:a16="http://schemas.microsoft.com/office/drawing/2014/main" id="{6197E8B4-D12C-41EE-8EA4-0E487A907A08}"/>
              </a:ext>
            </a:extLst>
          </p:cNvPr>
          <p:cNvSpPr>
            <a:spLocks noGrp="1" noChangeAspect="1"/>
          </p:cNvSpPr>
          <p:nvPr>
            <p:ph type="pic" sz="quarter" idx="19" hasCustomPrompt="1"/>
          </p:nvPr>
        </p:nvSpPr>
        <p:spPr>
          <a:xfrm>
            <a:off x="6225580" y="15779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42" name="Picture Placeholder 2">
            <a:extLst>
              <a:ext uri="{FF2B5EF4-FFF2-40B4-BE49-F238E27FC236}">
                <a16:creationId xmlns:a16="http://schemas.microsoft.com/office/drawing/2014/main" id="{8BCFC408-A0C3-4F92-BB5A-86FFC672DB42}"/>
              </a:ext>
            </a:extLst>
          </p:cNvPr>
          <p:cNvSpPr>
            <a:spLocks noGrp="1" noChangeAspect="1"/>
          </p:cNvSpPr>
          <p:nvPr>
            <p:ph type="pic" sz="quarter" idx="23" hasCustomPrompt="1"/>
          </p:nvPr>
        </p:nvSpPr>
        <p:spPr>
          <a:xfrm>
            <a:off x="8986242" y="15779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46" name="Picture Placeholder 2">
            <a:extLst>
              <a:ext uri="{FF2B5EF4-FFF2-40B4-BE49-F238E27FC236}">
                <a16:creationId xmlns:a16="http://schemas.microsoft.com/office/drawing/2014/main" id="{344C2272-9F8F-4998-AF48-5D673D651184}"/>
              </a:ext>
            </a:extLst>
          </p:cNvPr>
          <p:cNvSpPr>
            <a:spLocks noGrp="1" noChangeAspect="1"/>
          </p:cNvSpPr>
          <p:nvPr>
            <p:ph type="pic" sz="quarter" idx="27" hasCustomPrompt="1"/>
          </p:nvPr>
        </p:nvSpPr>
        <p:spPr>
          <a:xfrm>
            <a:off x="719139" y="40036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50" name="Picture Placeholder 2">
            <a:extLst>
              <a:ext uri="{FF2B5EF4-FFF2-40B4-BE49-F238E27FC236}">
                <a16:creationId xmlns:a16="http://schemas.microsoft.com/office/drawing/2014/main" id="{B2D4D4FC-505C-4139-9290-3F22DD04C602}"/>
              </a:ext>
            </a:extLst>
          </p:cNvPr>
          <p:cNvSpPr>
            <a:spLocks noGrp="1" noChangeAspect="1"/>
          </p:cNvSpPr>
          <p:nvPr>
            <p:ph type="pic" sz="quarter" idx="31" hasCustomPrompt="1"/>
          </p:nvPr>
        </p:nvSpPr>
        <p:spPr>
          <a:xfrm>
            <a:off x="3479801" y="40036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54" name="Picture Placeholder 2">
            <a:extLst>
              <a:ext uri="{FF2B5EF4-FFF2-40B4-BE49-F238E27FC236}">
                <a16:creationId xmlns:a16="http://schemas.microsoft.com/office/drawing/2014/main" id="{75DEA7A5-6863-4483-82EC-F40D4ED50BBA}"/>
              </a:ext>
            </a:extLst>
          </p:cNvPr>
          <p:cNvSpPr>
            <a:spLocks noGrp="1" noChangeAspect="1"/>
          </p:cNvSpPr>
          <p:nvPr>
            <p:ph type="pic" sz="quarter" idx="35" hasCustomPrompt="1"/>
          </p:nvPr>
        </p:nvSpPr>
        <p:spPr>
          <a:xfrm>
            <a:off x="6225580" y="40036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58" name="Picture Placeholder 2">
            <a:extLst>
              <a:ext uri="{FF2B5EF4-FFF2-40B4-BE49-F238E27FC236}">
                <a16:creationId xmlns:a16="http://schemas.microsoft.com/office/drawing/2014/main" id="{FBE6D08D-0BB5-4568-A054-6C568A022870}"/>
              </a:ext>
            </a:extLst>
          </p:cNvPr>
          <p:cNvSpPr>
            <a:spLocks noGrp="1" noChangeAspect="1"/>
          </p:cNvSpPr>
          <p:nvPr>
            <p:ph type="pic" sz="quarter" idx="39" hasCustomPrompt="1"/>
          </p:nvPr>
        </p:nvSpPr>
        <p:spPr>
          <a:xfrm>
            <a:off x="8986242" y="4003675"/>
            <a:ext cx="1080000" cy="1080000"/>
          </a:xfrm>
          <a:prstGeom prst="ellipse">
            <a:avLst/>
          </a:prstGeom>
        </p:spPr>
        <p:txBody>
          <a:bodyPr/>
          <a:lstStyle>
            <a:lvl1pPr algn="ctr">
              <a:buNone/>
              <a:defRPr sz="1200"/>
            </a:lvl1pPr>
          </a:lstStyle>
          <a:p>
            <a:r>
              <a:rPr lang="en-US" dirty="0"/>
              <a:t>Picture</a:t>
            </a:r>
            <a:endParaRPr lang="en-GB" dirty="0"/>
          </a:p>
        </p:txBody>
      </p:sp>
      <p:sp>
        <p:nvSpPr>
          <p:cNvPr id="62" name="Text Placeholder 20">
            <a:extLst>
              <a:ext uri="{FF2B5EF4-FFF2-40B4-BE49-F238E27FC236}">
                <a16:creationId xmlns:a16="http://schemas.microsoft.com/office/drawing/2014/main" id="{1284AE8B-A4F3-4262-B6F4-298273C3C55C}"/>
              </a:ext>
            </a:extLst>
          </p:cNvPr>
          <p:cNvSpPr>
            <a:spLocks noGrp="1"/>
          </p:cNvSpPr>
          <p:nvPr>
            <p:ph type="body" sz="quarter" idx="49" hasCustomPrompt="1"/>
          </p:nvPr>
        </p:nvSpPr>
        <p:spPr>
          <a:xfrm>
            <a:off x="719137" y="2831029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63" name="Text Placeholder 20">
            <a:extLst>
              <a:ext uri="{FF2B5EF4-FFF2-40B4-BE49-F238E27FC236}">
                <a16:creationId xmlns:a16="http://schemas.microsoft.com/office/drawing/2014/main" id="{A7EC23AE-4108-46F4-979E-AF7B7353C2A6}"/>
              </a:ext>
            </a:extLst>
          </p:cNvPr>
          <p:cNvSpPr>
            <a:spLocks noGrp="1"/>
          </p:cNvSpPr>
          <p:nvPr>
            <p:ph type="body" sz="quarter" idx="50" hasCustomPrompt="1"/>
          </p:nvPr>
        </p:nvSpPr>
        <p:spPr>
          <a:xfrm>
            <a:off x="719137" y="305282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64" name="Text Placeholder 20">
            <a:extLst>
              <a:ext uri="{FF2B5EF4-FFF2-40B4-BE49-F238E27FC236}">
                <a16:creationId xmlns:a16="http://schemas.microsoft.com/office/drawing/2014/main" id="{3059DF00-F15E-4038-A895-40B4095D1E08}"/>
              </a:ext>
            </a:extLst>
          </p:cNvPr>
          <p:cNvSpPr>
            <a:spLocks noGrp="1"/>
          </p:cNvSpPr>
          <p:nvPr>
            <p:ph type="body" sz="quarter" idx="51" hasCustomPrompt="1"/>
          </p:nvPr>
        </p:nvSpPr>
        <p:spPr>
          <a:xfrm>
            <a:off x="719137" y="327704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65" name="Text Placeholder 20">
            <a:extLst>
              <a:ext uri="{FF2B5EF4-FFF2-40B4-BE49-F238E27FC236}">
                <a16:creationId xmlns:a16="http://schemas.microsoft.com/office/drawing/2014/main" id="{1ABDD104-6DB0-45E8-9B7A-98EA42FFE1B7}"/>
              </a:ext>
            </a:extLst>
          </p:cNvPr>
          <p:cNvSpPr>
            <a:spLocks noGrp="1"/>
          </p:cNvSpPr>
          <p:nvPr>
            <p:ph type="body" sz="quarter" idx="52" hasCustomPrompt="1"/>
          </p:nvPr>
        </p:nvSpPr>
        <p:spPr>
          <a:xfrm>
            <a:off x="3479801" y="2831029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66" name="Text Placeholder 20">
            <a:extLst>
              <a:ext uri="{FF2B5EF4-FFF2-40B4-BE49-F238E27FC236}">
                <a16:creationId xmlns:a16="http://schemas.microsoft.com/office/drawing/2014/main" id="{573D15D1-B2FE-4994-BA19-3B3A7A4CBD50}"/>
              </a:ext>
            </a:extLst>
          </p:cNvPr>
          <p:cNvSpPr>
            <a:spLocks noGrp="1"/>
          </p:cNvSpPr>
          <p:nvPr>
            <p:ph type="body" sz="quarter" idx="53" hasCustomPrompt="1"/>
          </p:nvPr>
        </p:nvSpPr>
        <p:spPr>
          <a:xfrm>
            <a:off x="3479801" y="305282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67" name="Text Placeholder 20">
            <a:extLst>
              <a:ext uri="{FF2B5EF4-FFF2-40B4-BE49-F238E27FC236}">
                <a16:creationId xmlns:a16="http://schemas.microsoft.com/office/drawing/2014/main" id="{67D461D1-AD50-46A4-A3B5-94C4B3D0CF27}"/>
              </a:ext>
            </a:extLst>
          </p:cNvPr>
          <p:cNvSpPr>
            <a:spLocks noGrp="1"/>
          </p:cNvSpPr>
          <p:nvPr>
            <p:ph type="body" sz="quarter" idx="54" hasCustomPrompt="1"/>
          </p:nvPr>
        </p:nvSpPr>
        <p:spPr>
          <a:xfrm>
            <a:off x="3479801" y="327704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68" name="Text Placeholder 20">
            <a:extLst>
              <a:ext uri="{FF2B5EF4-FFF2-40B4-BE49-F238E27FC236}">
                <a16:creationId xmlns:a16="http://schemas.microsoft.com/office/drawing/2014/main" id="{993A409B-4569-4CBF-94EA-890FD6504DEE}"/>
              </a:ext>
            </a:extLst>
          </p:cNvPr>
          <p:cNvSpPr>
            <a:spLocks noGrp="1"/>
          </p:cNvSpPr>
          <p:nvPr>
            <p:ph type="body" sz="quarter" idx="55" hasCustomPrompt="1"/>
          </p:nvPr>
        </p:nvSpPr>
        <p:spPr>
          <a:xfrm>
            <a:off x="6225576" y="2831029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69" name="Text Placeholder 20">
            <a:extLst>
              <a:ext uri="{FF2B5EF4-FFF2-40B4-BE49-F238E27FC236}">
                <a16:creationId xmlns:a16="http://schemas.microsoft.com/office/drawing/2014/main" id="{A56E5162-E23F-43A7-8A8F-33C876C1E66B}"/>
              </a:ext>
            </a:extLst>
          </p:cNvPr>
          <p:cNvSpPr>
            <a:spLocks noGrp="1"/>
          </p:cNvSpPr>
          <p:nvPr>
            <p:ph type="body" sz="quarter" idx="56" hasCustomPrompt="1"/>
          </p:nvPr>
        </p:nvSpPr>
        <p:spPr>
          <a:xfrm>
            <a:off x="6225576" y="305282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70" name="Text Placeholder 20">
            <a:extLst>
              <a:ext uri="{FF2B5EF4-FFF2-40B4-BE49-F238E27FC236}">
                <a16:creationId xmlns:a16="http://schemas.microsoft.com/office/drawing/2014/main" id="{C747F8A7-6579-4BF1-83DF-556BEC28D752}"/>
              </a:ext>
            </a:extLst>
          </p:cNvPr>
          <p:cNvSpPr>
            <a:spLocks noGrp="1"/>
          </p:cNvSpPr>
          <p:nvPr>
            <p:ph type="body" sz="quarter" idx="57" hasCustomPrompt="1"/>
          </p:nvPr>
        </p:nvSpPr>
        <p:spPr>
          <a:xfrm>
            <a:off x="6225576" y="327704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71" name="Text Placeholder 20">
            <a:extLst>
              <a:ext uri="{FF2B5EF4-FFF2-40B4-BE49-F238E27FC236}">
                <a16:creationId xmlns:a16="http://schemas.microsoft.com/office/drawing/2014/main" id="{1DB0D370-8FD3-4D5E-BC60-B63DC0B8777E}"/>
              </a:ext>
            </a:extLst>
          </p:cNvPr>
          <p:cNvSpPr>
            <a:spLocks noGrp="1"/>
          </p:cNvSpPr>
          <p:nvPr>
            <p:ph type="body" sz="quarter" idx="58" hasCustomPrompt="1"/>
          </p:nvPr>
        </p:nvSpPr>
        <p:spPr>
          <a:xfrm>
            <a:off x="8986240" y="2831029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72" name="Text Placeholder 20">
            <a:extLst>
              <a:ext uri="{FF2B5EF4-FFF2-40B4-BE49-F238E27FC236}">
                <a16:creationId xmlns:a16="http://schemas.microsoft.com/office/drawing/2014/main" id="{3A49AB51-A305-4CB5-883C-CC4822AF9E28}"/>
              </a:ext>
            </a:extLst>
          </p:cNvPr>
          <p:cNvSpPr>
            <a:spLocks noGrp="1"/>
          </p:cNvSpPr>
          <p:nvPr>
            <p:ph type="body" sz="quarter" idx="59" hasCustomPrompt="1"/>
          </p:nvPr>
        </p:nvSpPr>
        <p:spPr>
          <a:xfrm>
            <a:off x="8986240" y="305282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73" name="Text Placeholder 20">
            <a:extLst>
              <a:ext uri="{FF2B5EF4-FFF2-40B4-BE49-F238E27FC236}">
                <a16:creationId xmlns:a16="http://schemas.microsoft.com/office/drawing/2014/main" id="{5478363C-5AA3-4A46-B06F-55A192C20A9C}"/>
              </a:ext>
            </a:extLst>
          </p:cNvPr>
          <p:cNvSpPr>
            <a:spLocks noGrp="1"/>
          </p:cNvSpPr>
          <p:nvPr>
            <p:ph type="body" sz="quarter" idx="60" hasCustomPrompt="1"/>
          </p:nvPr>
        </p:nvSpPr>
        <p:spPr>
          <a:xfrm>
            <a:off x="8986240" y="3277043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74" name="Text Placeholder 20">
            <a:extLst>
              <a:ext uri="{FF2B5EF4-FFF2-40B4-BE49-F238E27FC236}">
                <a16:creationId xmlns:a16="http://schemas.microsoft.com/office/drawing/2014/main" id="{F00C6907-7BB1-40A9-930D-FEC81600478C}"/>
              </a:ext>
            </a:extLst>
          </p:cNvPr>
          <p:cNvSpPr>
            <a:spLocks noGrp="1"/>
          </p:cNvSpPr>
          <p:nvPr>
            <p:ph type="body" sz="quarter" idx="61" hasCustomPrompt="1"/>
          </p:nvPr>
        </p:nvSpPr>
        <p:spPr>
          <a:xfrm>
            <a:off x="719137" y="5244552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75" name="Text Placeholder 20">
            <a:extLst>
              <a:ext uri="{FF2B5EF4-FFF2-40B4-BE49-F238E27FC236}">
                <a16:creationId xmlns:a16="http://schemas.microsoft.com/office/drawing/2014/main" id="{CB2CB557-D6F8-43F7-A8FD-7CD2363F2528}"/>
              </a:ext>
            </a:extLst>
          </p:cNvPr>
          <p:cNvSpPr>
            <a:spLocks noGrp="1"/>
          </p:cNvSpPr>
          <p:nvPr>
            <p:ph type="body" sz="quarter" idx="62" hasCustomPrompt="1"/>
          </p:nvPr>
        </p:nvSpPr>
        <p:spPr>
          <a:xfrm>
            <a:off x="719137" y="546634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76" name="Text Placeholder 20">
            <a:extLst>
              <a:ext uri="{FF2B5EF4-FFF2-40B4-BE49-F238E27FC236}">
                <a16:creationId xmlns:a16="http://schemas.microsoft.com/office/drawing/2014/main" id="{4C4C13C8-3B84-42A2-8C43-CEF33D8A7DB0}"/>
              </a:ext>
            </a:extLst>
          </p:cNvPr>
          <p:cNvSpPr>
            <a:spLocks noGrp="1"/>
          </p:cNvSpPr>
          <p:nvPr>
            <p:ph type="body" sz="quarter" idx="63" hasCustomPrompt="1"/>
          </p:nvPr>
        </p:nvSpPr>
        <p:spPr>
          <a:xfrm>
            <a:off x="719137" y="569056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77" name="Text Placeholder 20">
            <a:extLst>
              <a:ext uri="{FF2B5EF4-FFF2-40B4-BE49-F238E27FC236}">
                <a16:creationId xmlns:a16="http://schemas.microsoft.com/office/drawing/2014/main" id="{C5049BEE-7F62-4B23-B709-C4F3599B9818}"/>
              </a:ext>
            </a:extLst>
          </p:cNvPr>
          <p:cNvSpPr>
            <a:spLocks noGrp="1"/>
          </p:cNvSpPr>
          <p:nvPr>
            <p:ph type="body" sz="quarter" idx="64" hasCustomPrompt="1"/>
          </p:nvPr>
        </p:nvSpPr>
        <p:spPr>
          <a:xfrm>
            <a:off x="3479801" y="5244552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78" name="Text Placeholder 20">
            <a:extLst>
              <a:ext uri="{FF2B5EF4-FFF2-40B4-BE49-F238E27FC236}">
                <a16:creationId xmlns:a16="http://schemas.microsoft.com/office/drawing/2014/main" id="{CAEF1CE2-51A9-4755-93BE-6E0CB42B0DFE}"/>
              </a:ext>
            </a:extLst>
          </p:cNvPr>
          <p:cNvSpPr>
            <a:spLocks noGrp="1"/>
          </p:cNvSpPr>
          <p:nvPr>
            <p:ph type="body" sz="quarter" idx="65" hasCustomPrompt="1"/>
          </p:nvPr>
        </p:nvSpPr>
        <p:spPr>
          <a:xfrm>
            <a:off x="3479801" y="546634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79" name="Text Placeholder 20">
            <a:extLst>
              <a:ext uri="{FF2B5EF4-FFF2-40B4-BE49-F238E27FC236}">
                <a16:creationId xmlns:a16="http://schemas.microsoft.com/office/drawing/2014/main" id="{CE32B9F6-F7EE-442A-8C36-E3FCD9088A79}"/>
              </a:ext>
            </a:extLst>
          </p:cNvPr>
          <p:cNvSpPr>
            <a:spLocks noGrp="1"/>
          </p:cNvSpPr>
          <p:nvPr>
            <p:ph type="body" sz="quarter" idx="66" hasCustomPrompt="1"/>
          </p:nvPr>
        </p:nvSpPr>
        <p:spPr>
          <a:xfrm>
            <a:off x="3479801" y="569056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80" name="Text Placeholder 20">
            <a:extLst>
              <a:ext uri="{FF2B5EF4-FFF2-40B4-BE49-F238E27FC236}">
                <a16:creationId xmlns:a16="http://schemas.microsoft.com/office/drawing/2014/main" id="{49CAAFF5-F814-4E97-819E-192A0AD06B71}"/>
              </a:ext>
            </a:extLst>
          </p:cNvPr>
          <p:cNvSpPr>
            <a:spLocks noGrp="1"/>
          </p:cNvSpPr>
          <p:nvPr>
            <p:ph type="body" sz="quarter" idx="67" hasCustomPrompt="1"/>
          </p:nvPr>
        </p:nvSpPr>
        <p:spPr>
          <a:xfrm>
            <a:off x="6225576" y="5244552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81" name="Text Placeholder 20">
            <a:extLst>
              <a:ext uri="{FF2B5EF4-FFF2-40B4-BE49-F238E27FC236}">
                <a16:creationId xmlns:a16="http://schemas.microsoft.com/office/drawing/2014/main" id="{266A1CC5-85A6-4A44-AD62-24D563C7BFDF}"/>
              </a:ext>
            </a:extLst>
          </p:cNvPr>
          <p:cNvSpPr>
            <a:spLocks noGrp="1"/>
          </p:cNvSpPr>
          <p:nvPr>
            <p:ph type="body" sz="quarter" idx="68" hasCustomPrompt="1"/>
          </p:nvPr>
        </p:nvSpPr>
        <p:spPr>
          <a:xfrm>
            <a:off x="6225576" y="546634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82" name="Text Placeholder 20">
            <a:extLst>
              <a:ext uri="{FF2B5EF4-FFF2-40B4-BE49-F238E27FC236}">
                <a16:creationId xmlns:a16="http://schemas.microsoft.com/office/drawing/2014/main" id="{4C0ACD20-47A6-45DC-8030-C5C4725A442E}"/>
              </a:ext>
            </a:extLst>
          </p:cNvPr>
          <p:cNvSpPr>
            <a:spLocks noGrp="1"/>
          </p:cNvSpPr>
          <p:nvPr>
            <p:ph type="body" sz="quarter" idx="69" hasCustomPrompt="1"/>
          </p:nvPr>
        </p:nvSpPr>
        <p:spPr>
          <a:xfrm>
            <a:off x="6225576" y="569056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sp>
        <p:nvSpPr>
          <p:cNvPr id="83" name="Text Placeholder 20">
            <a:extLst>
              <a:ext uri="{FF2B5EF4-FFF2-40B4-BE49-F238E27FC236}">
                <a16:creationId xmlns:a16="http://schemas.microsoft.com/office/drawing/2014/main" id="{8D710309-D596-40E9-AD0E-461DA6B85FE9}"/>
              </a:ext>
            </a:extLst>
          </p:cNvPr>
          <p:cNvSpPr>
            <a:spLocks noGrp="1"/>
          </p:cNvSpPr>
          <p:nvPr>
            <p:ph type="body" sz="quarter" idx="70" hasCustomPrompt="1"/>
          </p:nvPr>
        </p:nvSpPr>
        <p:spPr>
          <a:xfrm>
            <a:off x="8986240" y="5244552"/>
            <a:ext cx="2471738" cy="223822"/>
          </a:xfrm>
        </p:spPr>
        <p:txBody>
          <a:bodyPr/>
          <a:lstStyle>
            <a:lvl1pPr>
              <a:buNone/>
              <a:defRPr sz="14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name</a:t>
            </a:r>
          </a:p>
        </p:txBody>
      </p:sp>
      <p:sp>
        <p:nvSpPr>
          <p:cNvPr id="84" name="Text Placeholder 20">
            <a:extLst>
              <a:ext uri="{FF2B5EF4-FFF2-40B4-BE49-F238E27FC236}">
                <a16:creationId xmlns:a16="http://schemas.microsoft.com/office/drawing/2014/main" id="{28AE5A72-DD57-4288-BE80-02A41A02B295}"/>
              </a:ext>
            </a:extLst>
          </p:cNvPr>
          <p:cNvSpPr>
            <a:spLocks noGrp="1"/>
          </p:cNvSpPr>
          <p:nvPr>
            <p:ph type="body" sz="quarter" idx="71" hasCustomPrompt="1"/>
          </p:nvPr>
        </p:nvSpPr>
        <p:spPr>
          <a:xfrm>
            <a:off x="8986240" y="546634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position</a:t>
            </a:r>
          </a:p>
        </p:txBody>
      </p:sp>
      <p:sp>
        <p:nvSpPr>
          <p:cNvPr id="85" name="Text Placeholder 20">
            <a:extLst>
              <a:ext uri="{FF2B5EF4-FFF2-40B4-BE49-F238E27FC236}">
                <a16:creationId xmlns:a16="http://schemas.microsoft.com/office/drawing/2014/main" id="{C6F74F65-D23B-46F0-9EAD-680695107F39}"/>
              </a:ext>
            </a:extLst>
          </p:cNvPr>
          <p:cNvSpPr>
            <a:spLocks noGrp="1"/>
          </p:cNvSpPr>
          <p:nvPr>
            <p:ph type="body" sz="quarter" idx="72" hasCustomPrompt="1"/>
          </p:nvPr>
        </p:nvSpPr>
        <p:spPr>
          <a:xfrm>
            <a:off x="8986240" y="5690566"/>
            <a:ext cx="2471738" cy="223822"/>
          </a:xfrm>
        </p:spPr>
        <p:txBody>
          <a:bodyPr/>
          <a:lstStyle>
            <a:lvl1pPr>
              <a:buNone/>
              <a:defRPr sz="12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email</a:t>
            </a:r>
          </a:p>
        </p:txBody>
      </p:sp>
      <p:pic>
        <p:nvPicPr>
          <p:cNvPr id="1393730489" name="image" descr="{&quot;templafy&quot;:{&quot;id&quot;:&quot;ce5bebb8-dd88-40b8-ad04-ead95d0b6648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47" name="text" descr="{&quot;templafy&quot;:{&quot;id&quot;:&quot;bff06e2f-39dd-4234-bfd6-3ab5331c9780&quot;}}" title="Form.Division.Website">
            <a:extLst>
              <a:ext uri="{FF2B5EF4-FFF2-40B4-BE49-F238E27FC236}">
                <a16:creationId xmlns:a16="http://schemas.microsoft.com/office/drawing/2014/main" id="{EA6BDA9A-641F-4A6E-8775-59A7674E5F40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www.davies-group.com</a:t>
            </a:r>
          </a:p>
        </p:txBody>
      </p: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951333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015DE6C8-0616-4774-AF7E-F476EE8CED2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7" name="Rectangle 16">
            <a:extLst>
              <a:ext uri="{FF2B5EF4-FFF2-40B4-BE49-F238E27FC236}">
                <a16:creationId xmlns:a16="http://schemas.microsoft.com/office/drawing/2014/main" id="{6D5B9A92-2D56-4D33-B0D5-0143A602B06C}"/>
              </a:ext>
            </a:extLst>
          </p:cNvPr>
          <p:cNvSpPr/>
          <p:nvPr userDrawn="1"/>
        </p:nvSpPr>
        <p:spPr>
          <a:xfrm>
            <a:off x="0" y="0"/>
            <a:ext cx="12193591" cy="6858000"/>
          </a:xfrm>
          <a:prstGeom prst="rect">
            <a:avLst/>
          </a:prstGeom>
          <a:gradFill flip="none" rotWithShape="1">
            <a:gsLst>
              <a:gs pos="0">
                <a:schemeClr val="tx2">
                  <a:alpha val="59000"/>
                </a:schemeClr>
              </a:gs>
              <a:gs pos="71000">
                <a:schemeClr val="tx2">
                  <a:alpha val="94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Guides" hidden="1">
            <a:extLst>
              <a:ext uri="{FF2B5EF4-FFF2-40B4-BE49-F238E27FC236}">
                <a16:creationId xmlns:a16="http://schemas.microsoft.com/office/drawing/2014/main" id="{0079FB69-1B91-4923-8196-16588275BEC1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E5DE8B95-DFEE-4E29-9519-70500981D591}"/>
              </a:ext>
            </a:extLst>
          </p:cNvPr>
          <p:cNvSpPr txBox="1"/>
          <p:nvPr userDrawn="1"/>
        </p:nvSpPr>
        <p:spPr>
          <a:xfrm>
            <a:off x="719137" y="5275248"/>
            <a:ext cx="5232401" cy="855875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>
              <a:lnSpc>
                <a:spcPct val="102000"/>
              </a:lnSpc>
              <a:spcBef>
                <a:spcPts val="600"/>
              </a:spcBef>
            </a:pPr>
            <a:br>
              <a:rPr lang="en-US" sz="1400" b="1" dirty="0">
                <a:solidFill>
                  <a:schemeClr val="bg1"/>
                </a:solidFill>
              </a:rPr>
            </a:br>
            <a:endParaRPr lang="en-US" sz="1400" dirty="0">
              <a:solidFill>
                <a:schemeClr val="bg1"/>
              </a:solidFill>
            </a:endParaRPr>
          </a:p>
          <a:p>
            <a:pPr>
              <a:lnSpc>
                <a:spcPct val="102000"/>
              </a:lnSpc>
              <a:spcBef>
                <a:spcPts val="600"/>
              </a:spcBef>
            </a:pPr>
            <a:r>
              <a:rPr lang="en-US" sz="1100" dirty="0">
                <a:solidFill>
                  <a:schemeClr val="bg1"/>
                </a:solidFill>
              </a:rPr>
              <a:t>Copyright © (          ). All rights reserved. </a:t>
            </a:r>
            <a:br>
              <a:rPr lang="en-US" sz="1100" dirty="0">
                <a:solidFill>
                  <a:schemeClr val="bg1"/>
                </a:solidFill>
              </a:rPr>
            </a:br>
            <a:r>
              <a:rPr lang="en-US" sz="1100" dirty="0">
                <a:solidFill>
                  <a:schemeClr val="bg1"/>
                </a:solidFill>
              </a:rPr>
              <a:t>The Davies Group logo is a registered trademark  and is used under license.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B729CC1-58C4-40C7-B269-DE212207DD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UserName" descr="{&quot;templafy&quot;:{&quot;id&quot;:&quot;e38e6a95-338e-46a9-ab82-736de884bcef&quot;}}" title="UserProfile.Name">
            <a:extLst>
              <a:ext uri="{FF2B5EF4-FFF2-40B4-BE49-F238E27FC236}">
                <a16:creationId xmlns:a16="http://schemas.microsoft.com/office/drawing/2014/main" id="{34047A77-E5CB-4279-9151-381D334575DF}"/>
              </a:ext>
            </a:extLst>
          </p:cNvPr>
          <p:cNvSpPr/>
          <p:nvPr userDrawn="1"/>
        </p:nvSpPr>
        <p:spPr>
          <a:xfrm>
            <a:off x="720967" y="1749616"/>
            <a:ext cx="5061201" cy="216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400" b="1" dirty="0">
                <a:solidFill>
                  <a:schemeClr val="bg1"/>
                </a:solidFill>
              </a:rPr>
              <a:t>Joseph Ashworth</a:t>
            </a:r>
          </a:p>
        </p:txBody>
      </p:sp>
      <p:sp>
        <p:nvSpPr>
          <p:cNvPr id="9" name="UserTitle" descr="{&quot;templafy&quot;:{&quot;id&quot;:&quot;6ef784b4-7fa9-4291-8ebb-ac793050ef8b&quot;}}" title="UserProfile.Title">
            <a:extLst>
              <a:ext uri="{FF2B5EF4-FFF2-40B4-BE49-F238E27FC236}">
                <a16:creationId xmlns:a16="http://schemas.microsoft.com/office/drawing/2014/main" id="{33B8B9F6-F09F-4240-866D-3CE51E597A5A}"/>
              </a:ext>
            </a:extLst>
          </p:cNvPr>
          <p:cNvSpPr/>
          <p:nvPr userDrawn="1"/>
        </p:nvSpPr>
        <p:spPr>
          <a:xfrm>
            <a:off x="720966" y="1981087"/>
            <a:ext cx="5061201" cy="216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400" dirty="0">
                <a:solidFill>
                  <a:schemeClr val="bg1"/>
                </a:solidFill>
              </a:rPr>
              <a:t>Director, Strategic Accounts</a:t>
            </a:r>
          </a:p>
        </p:txBody>
      </p:sp>
      <p:sp>
        <p:nvSpPr>
          <p:cNvPr id="13" name="UserMail" descr="{&quot;templafy&quot;:{&quot;id&quot;:&quot;84a3f8ba-3234-43c5-b1c6-ca861366871a&quot;}}" title="UserProfile.Mail">
            <a:extLst>
              <a:ext uri="{FF2B5EF4-FFF2-40B4-BE49-F238E27FC236}">
                <a16:creationId xmlns:a16="http://schemas.microsoft.com/office/drawing/2014/main" id="{C5CDC238-B365-49C4-87CC-BDF63DB9BD07}"/>
              </a:ext>
            </a:extLst>
          </p:cNvPr>
          <p:cNvSpPr/>
          <p:nvPr userDrawn="1"/>
        </p:nvSpPr>
        <p:spPr>
          <a:xfrm>
            <a:off x="720967" y="2182607"/>
            <a:ext cx="5061201" cy="216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400" dirty="0">
                <a:solidFill>
                  <a:schemeClr val="bg1"/>
                </a:solidFill>
              </a:rPr>
              <a:t>joseph.ashworth@davies-group.com</a:t>
            </a:r>
          </a:p>
        </p:txBody>
      </p:sp>
      <p:sp>
        <p:nvSpPr>
          <p:cNvPr id="14" name="Company" descr="{&quot;templafy&quot;:{&quot;id&quot;:&quot;d606195d-6536-40ee-a339-82352897d42c&quot;}}" title="UserProfile.Office.Company">
            <a:extLst>
              <a:ext uri="{FF2B5EF4-FFF2-40B4-BE49-F238E27FC236}">
                <a16:creationId xmlns:a16="http://schemas.microsoft.com/office/drawing/2014/main" id="{41C8F877-8C8B-4A28-B0FD-CE999AFD155B}"/>
              </a:ext>
            </a:extLst>
          </p:cNvPr>
          <p:cNvSpPr/>
          <p:nvPr userDrawn="1"/>
        </p:nvSpPr>
        <p:spPr>
          <a:xfrm>
            <a:off x="726604" y="5275248"/>
            <a:ext cx="5224933" cy="2199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400" b="1" dirty="0">
                <a:solidFill>
                  <a:schemeClr val="bg1"/>
                </a:solidFill>
              </a:rPr>
              <a:t>Davies</a:t>
            </a:r>
          </a:p>
        </p:txBody>
      </p:sp>
      <p:sp>
        <p:nvSpPr>
          <p:cNvPr id="15" name="date" descr="{&quot;templafy&quot;:{&quot;id&quot;:&quot;c604dbd2-a59c-4309-ab6e-3e8d58a84b0f&quot;}}" title="Form.Date">
            <a:extLst>
              <a:ext uri="{FF2B5EF4-FFF2-40B4-BE49-F238E27FC236}">
                <a16:creationId xmlns:a16="http://schemas.microsoft.com/office/drawing/2014/main" id="{D1B23D98-0247-4F42-A8D9-2AD01114BC15}"/>
              </a:ext>
            </a:extLst>
          </p:cNvPr>
          <p:cNvSpPr/>
          <p:nvPr userDrawn="1"/>
        </p:nvSpPr>
        <p:spPr>
          <a:xfrm>
            <a:off x="1499997" y="5769947"/>
            <a:ext cx="288000" cy="216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GB" sz="1100" dirty="0">
                <a:solidFill>
                  <a:schemeClr val="bg1"/>
                </a:solidFill>
              </a:rPr>
              <a:t>2023</a:t>
            </a:r>
          </a:p>
        </p:txBody>
      </p:sp>
      <p:sp>
        <p:nvSpPr>
          <p:cNvPr id="16" name="Address" descr="{&quot;templafy&quot;:{&quot;id&quot;:&quot;57b92c2f-8376-4430-befb-e0fe7fc1d07e&quot;}}" title="UserProfile.Office.FullAddress">
            <a:extLst>
              <a:ext uri="{FF2B5EF4-FFF2-40B4-BE49-F238E27FC236}">
                <a16:creationId xmlns:a16="http://schemas.microsoft.com/office/drawing/2014/main" id="{F8595888-91D1-40C2-A5FA-6AF2009FECFB}"/>
              </a:ext>
            </a:extLst>
          </p:cNvPr>
          <p:cNvSpPr/>
          <p:nvPr userDrawn="1"/>
        </p:nvSpPr>
        <p:spPr>
          <a:xfrm>
            <a:off x="720774" y="5522449"/>
            <a:ext cx="689061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400" b="0" dirty="0">
                <a:solidFill>
                  <a:schemeClr val="bg1"/>
                </a:solidFill>
              </a:rPr>
              <a:t>8 Fulwood Park, Caxton Road, Fulwood, Preston, Lancashire, PR2 9NZ, UK</a:t>
            </a:r>
          </a:p>
        </p:txBody>
      </p:sp>
      <p:pic>
        <p:nvPicPr>
          <p:cNvPr id="1701193082" name="image" descr="{&quot;templafy&quot;:{&quot;id&quot;:&quot;eb5ff8a6-d9ba-4ff6-bcd0-a72ff5f647c2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58764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F2CB397-DDAD-4144-80F8-F58857EAC756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206005" y="1577975"/>
            <a:ext cx="4745533" cy="431800"/>
          </a:xfrm>
          <a:solidFill>
            <a:schemeClr val="bg1"/>
          </a:solidFill>
          <a:ln w="6350">
            <a:solidFill>
              <a:schemeClr val="tx2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2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E5F8396B-1A29-4F5F-B034-5607F6E4DF8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19138" y="1577975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C89DE2C4-1BD9-4EAF-806D-895198032E1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06005" y="2064876"/>
            <a:ext cx="4745533" cy="431800"/>
          </a:xfrm>
          <a:solidFill>
            <a:schemeClr val="bg1"/>
          </a:solidFill>
          <a:ln w="6350">
            <a:solidFill>
              <a:schemeClr val="tx2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2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16" name="Text Placeholder 2">
            <a:extLst>
              <a:ext uri="{FF2B5EF4-FFF2-40B4-BE49-F238E27FC236}">
                <a16:creationId xmlns:a16="http://schemas.microsoft.com/office/drawing/2014/main" id="{558371EA-6B14-4D51-91E6-3EAE709DE2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19138" y="2064876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32" name="Text Placeholder 2">
            <a:extLst>
              <a:ext uri="{FF2B5EF4-FFF2-40B4-BE49-F238E27FC236}">
                <a16:creationId xmlns:a16="http://schemas.microsoft.com/office/drawing/2014/main" id="{790F40C4-12F9-4537-A955-E8D129B6032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206005" y="2551777"/>
            <a:ext cx="4745533" cy="431800"/>
          </a:xfrm>
          <a:solidFill>
            <a:schemeClr val="bg1"/>
          </a:solidFill>
          <a:ln w="6350">
            <a:solidFill>
              <a:schemeClr val="tx2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2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33" name="Text Placeholder 2">
            <a:extLst>
              <a:ext uri="{FF2B5EF4-FFF2-40B4-BE49-F238E27FC236}">
                <a16:creationId xmlns:a16="http://schemas.microsoft.com/office/drawing/2014/main" id="{177A5A17-DBFB-4C99-9EF0-8A44AF0FC24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19138" y="2551777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34" name="Text Placeholder 2">
            <a:extLst>
              <a:ext uri="{FF2B5EF4-FFF2-40B4-BE49-F238E27FC236}">
                <a16:creationId xmlns:a16="http://schemas.microsoft.com/office/drawing/2014/main" id="{32BDB54A-712B-4A56-A6C2-BDC9398A93F3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206005" y="3038678"/>
            <a:ext cx="4745533" cy="431800"/>
          </a:xfrm>
          <a:solidFill>
            <a:schemeClr val="bg1"/>
          </a:solidFill>
          <a:ln w="6350">
            <a:solidFill>
              <a:schemeClr val="tx2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2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35" name="Text Placeholder 2">
            <a:extLst>
              <a:ext uri="{FF2B5EF4-FFF2-40B4-BE49-F238E27FC236}">
                <a16:creationId xmlns:a16="http://schemas.microsoft.com/office/drawing/2014/main" id="{F8823DC7-D5CB-4EB8-AA2D-E19ADDF2D68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19138" y="3038678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36" name="Text Placeholder 2">
            <a:extLst>
              <a:ext uri="{FF2B5EF4-FFF2-40B4-BE49-F238E27FC236}">
                <a16:creationId xmlns:a16="http://schemas.microsoft.com/office/drawing/2014/main" id="{E6DE431C-5241-4461-9773-7C35E9A47C2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1206005" y="3525579"/>
            <a:ext cx="4745533" cy="431800"/>
          </a:xfrm>
          <a:solidFill>
            <a:schemeClr val="bg1"/>
          </a:solidFill>
          <a:ln w="6350">
            <a:solidFill>
              <a:schemeClr val="tx2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2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37" name="Text Placeholder 2">
            <a:extLst>
              <a:ext uri="{FF2B5EF4-FFF2-40B4-BE49-F238E27FC236}">
                <a16:creationId xmlns:a16="http://schemas.microsoft.com/office/drawing/2014/main" id="{1D30F895-EA76-4C51-AF97-8D0B6A6147B9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19138" y="3525579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38" name="Text Placeholder 2">
            <a:extLst>
              <a:ext uri="{FF2B5EF4-FFF2-40B4-BE49-F238E27FC236}">
                <a16:creationId xmlns:a16="http://schemas.microsoft.com/office/drawing/2014/main" id="{70D1EFFF-FDD6-4B36-9130-911A6562C9B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206005" y="4012480"/>
            <a:ext cx="4745533" cy="431800"/>
          </a:xfrm>
          <a:solidFill>
            <a:schemeClr val="bg1"/>
          </a:solidFill>
          <a:ln w="6350">
            <a:solidFill>
              <a:schemeClr val="tx2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2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39" name="Text Placeholder 2">
            <a:extLst>
              <a:ext uri="{FF2B5EF4-FFF2-40B4-BE49-F238E27FC236}">
                <a16:creationId xmlns:a16="http://schemas.microsoft.com/office/drawing/2014/main" id="{A7045E61-EDEB-4E33-8CF4-97642F1AFB6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719138" y="4012480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40" name="Text Placeholder 2">
            <a:extLst>
              <a:ext uri="{FF2B5EF4-FFF2-40B4-BE49-F238E27FC236}">
                <a16:creationId xmlns:a16="http://schemas.microsoft.com/office/drawing/2014/main" id="{5FF0E8A4-2C94-4197-B9C4-1EE0EA94108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1206005" y="4499381"/>
            <a:ext cx="4745533" cy="431800"/>
          </a:xfrm>
          <a:solidFill>
            <a:schemeClr val="bg1"/>
          </a:solidFill>
          <a:ln w="6350">
            <a:solidFill>
              <a:schemeClr val="tx2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2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41" name="Text Placeholder 2">
            <a:extLst>
              <a:ext uri="{FF2B5EF4-FFF2-40B4-BE49-F238E27FC236}">
                <a16:creationId xmlns:a16="http://schemas.microsoft.com/office/drawing/2014/main" id="{EFEC00F4-0400-41DF-8C6D-2763F9C2943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19138" y="4499381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42" name="Text Placeholder 2">
            <a:extLst>
              <a:ext uri="{FF2B5EF4-FFF2-40B4-BE49-F238E27FC236}">
                <a16:creationId xmlns:a16="http://schemas.microsoft.com/office/drawing/2014/main" id="{4EC7C3D0-A395-4847-9848-753FF134128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1206005" y="4986282"/>
            <a:ext cx="4745533" cy="431800"/>
          </a:xfrm>
          <a:solidFill>
            <a:schemeClr val="bg1"/>
          </a:solidFill>
          <a:ln w="6350">
            <a:solidFill>
              <a:schemeClr val="tx2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2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43" name="Text Placeholder 2">
            <a:extLst>
              <a:ext uri="{FF2B5EF4-FFF2-40B4-BE49-F238E27FC236}">
                <a16:creationId xmlns:a16="http://schemas.microsoft.com/office/drawing/2014/main" id="{CBD2D680-CB8B-4E9F-9E79-D9283C4D723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19138" y="4986282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44" name="Text Placeholder 2">
            <a:extLst>
              <a:ext uri="{FF2B5EF4-FFF2-40B4-BE49-F238E27FC236}">
                <a16:creationId xmlns:a16="http://schemas.microsoft.com/office/drawing/2014/main" id="{6A447770-CDD4-429A-94BB-034CED76BB43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206005" y="5473184"/>
            <a:ext cx="4745533" cy="431800"/>
          </a:xfrm>
          <a:solidFill>
            <a:schemeClr val="bg1"/>
          </a:solidFill>
          <a:ln w="6350">
            <a:solidFill>
              <a:schemeClr val="tx2"/>
            </a:solidFill>
          </a:ln>
        </p:spPr>
        <p:txBody>
          <a:bodyPr lIns="72000" tIns="72000" rIns="72000" bIns="72000" anchor="ctr" anchorCtr="0"/>
          <a:lstStyle>
            <a:lvl1pPr marL="0" indent="0">
              <a:buNone/>
              <a:defRPr sz="1800">
                <a:solidFill>
                  <a:schemeClr val="tx2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agenda item</a:t>
            </a:r>
          </a:p>
        </p:txBody>
      </p:sp>
      <p:sp>
        <p:nvSpPr>
          <p:cNvPr id="45" name="Text Placeholder 2">
            <a:extLst>
              <a:ext uri="{FF2B5EF4-FFF2-40B4-BE49-F238E27FC236}">
                <a16:creationId xmlns:a16="http://schemas.microsoft.com/office/drawing/2014/main" id="{900DC590-8405-4E97-B5F3-058FA6F8710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719138" y="5473184"/>
            <a:ext cx="432000" cy="431800"/>
          </a:xfrm>
          <a:noFill/>
          <a:ln w="6350">
            <a:solidFill>
              <a:schemeClr val="accent1"/>
            </a:solidFill>
          </a:ln>
        </p:spPr>
        <p:txBody>
          <a:bodyPr lIns="72000" tIns="72000" rIns="72000" bIns="72000" anchor="ctr" anchorCtr="0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0" indent="0">
              <a:buNone/>
              <a:defRPr sz="1800">
                <a:solidFill>
                  <a:schemeClr val="bg1"/>
                </a:solidFill>
              </a:defRPr>
            </a:lvl2pPr>
            <a:lvl3pPr marL="0" indent="0">
              <a:buNone/>
              <a:defRPr sz="1800">
                <a:solidFill>
                  <a:schemeClr val="bg1"/>
                </a:solidFill>
              </a:defRPr>
            </a:lvl3pPr>
            <a:lvl4pPr marL="0" indent="0">
              <a:buNone/>
              <a:defRPr sz="1800">
                <a:solidFill>
                  <a:schemeClr val="bg1"/>
                </a:solidFill>
              </a:defRPr>
            </a:lvl4pPr>
            <a:lvl5pPr marL="0" indent="0"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#</a:t>
            </a:r>
          </a:p>
        </p:txBody>
      </p:sp>
      <p:pic>
        <p:nvPicPr>
          <p:cNvPr id="1710236403" name="image" descr="{&quot;templafy&quot;:{&quot;id&quot;:&quot;596b67f3-2cde-49ad-85f1-3b8461e5555e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2" name="text" descr="{&quot;templafy&quot;:{&quot;id&quot;:&quot;63d44eda-17c6-47f1-8015-6782c450d30f&quot;}}" title="Form.Division.Website">
            <a:extLst>
              <a:ext uri="{FF2B5EF4-FFF2-40B4-BE49-F238E27FC236}">
                <a16:creationId xmlns:a16="http://schemas.microsoft.com/office/drawing/2014/main" id="{FFE61030-2BBA-4493-950B-EADFACDB99CA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</p:spTree>
    <p:extLst>
      <p:ext uri="{BB962C8B-B14F-4D97-AF65-F5344CB8AC3E}">
        <p14:creationId xmlns:p14="http://schemas.microsoft.com/office/powerpoint/2010/main" val="13969208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790" userDrawn="1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6CC132A-752E-49EE-8020-24BF6F9DA8FA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19138" y="1577975"/>
            <a:ext cx="10739437" cy="45593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818865543" name="image" descr="{&quot;templafy&quot;:{&quot;id&quot;:&quot;c1fe7645-5979-4a34-b253-330e807e22b3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7" name="text" descr="{&quot;templafy&quot;:{&quot;id&quot;:&quot;3b994438-243d-4b42-a4a5-80c0993adee5&quot;}}" title="Form.Division.Website">
            <a:extLst>
              <a:ext uri="{FF2B5EF4-FFF2-40B4-BE49-F238E27FC236}">
                <a16:creationId xmlns:a16="http://schemas.microsoft.com/office/drawing/2014/main" id="{73B03549-2C72-4284-ADFD-0BA4E8E37318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14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629437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 and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9712451-15CB-4ACF-A9B7-914303D9DCD4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719139" y="1577976"/>
            <a:ext cx="10739436" cy="455929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427346816" name="image" descr="{&quot;templafy&quot;:{&quot;id&quot;:&quot;045beac0-cf69-49f3-b969-5786e407fa54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7" name="text" descr="{&quot;templafy&quot;:{&quot;id&quot;:&quot;314d51bf-b5eb-43c8-947b-2c4c372586ea&quot;}}" title="Form.Division.Website">
            <a:extLst>
              <a:ext uri="{FF2B5EF4-FFF2-40B4-BE49-F238E27FC236}">
                <a16:creationId xmlns:a16="http://schemas.microsoft.com/office/drawing/2014/main" id="{942E8C87-759A-47BC-BA48-E2373244EB0D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D1C970CA-7D66-46B1-B461-B08A2FE2C8E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19139" y="739319"/>
            <a:ext cx="7991474" cy="325681"/>
          </a:xfrm>
        </p:spPr>
        <p:txBody>
          <a:bodyPr/>
          <a:lstStyle>
            <a:lvl1pPr marL="0" indent="0">
              <a:buNone/>
              <a:defRPr sz="2000">
                <a:solidFill>
                  <a:schemeClr val="accent1"/>
                </a:solidFill>
              </a:defRPr>
            </a:lvl1pPr>
            <a:lvl2pPr marL="0" indent="0">
              <a:buNone/>
              <a:defRPr sz="2000">
                <a:solidFill>
                  <a:schemeClr val="accent1"/>
                </a:solidFill>
              </a:defRPr>
            </a:lvl2pPr>
            <a:lvl3pPr marL="0" indent="0">
              <a:buNone/>
              <a:defRPr sz="2000">
                <a:solidFill>
                  <a:schemeClr val="accent1"/>
                </a:solidFill>
              </a:defRPr>
            </a:lvl3pPr>
            <a:lvl4pPr marL="0" indent="0">
              <a:buNone/>
              <a:defRPr sz="2000">
                <a:solidFill>
                  <a:schemeClr val="accent1"/>
                </a:solidFill>
              </a:defRPr>
            </a:lvl4pPr>
            <a:lvl5pPr marL="0" indent="0">
              <a:buNone/>
              <a:defRPr sz="2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2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227718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575926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3866" userDrawn="1">
          <p15:clr>
            <a:srgbClr val="FF96FF"/>
          </p15:clr>
        </p15:guide>
        <p15:guide id="7" pos="453" userDrawn="1">
          <p15:clr>
            <a:srgbClr val="FF96FF"/>
          </p15:clr>
        </p15:guide>
        <p15:guide id="8" pos="2010" userDrawn="1">
          <p15:clr>
            <a:srgbClr val="FF96FF"/>
          </p15:clr>
        </p15:guide>
        <p15:guide id="9" pos="2192" userDrawn="1">
          <p15:clr>
            <a:srgbClr val="FF96FF"/>
          </p15:clr>
        </p15:guide>
        <p15:guide id="10" pos="3749" userDrawn="1">
          <p15:clr>
            <a:srgbClr val="FF96FF"/>
          </p15:clr>
        </p15:guide>
        <p15:guide id="11" pos="3930" userDrawn="1">
          <p15:clr>
            <a:srgbClr val="FF96FF"/>
          </p15:clr>
        </p15:guide>
        <p15:guide id="12" pos="5487" userDrawn="1">
          <p15:clr>
            <a:srgbClr val="FF96FF"/>
          </p15:clr>
        </p15:guide>
        <p15:guide id="13" pos="5669" userDrawn="1">
          <p15:clr>
            <a:srgbClr val="FF96FF"/>
          </p15:clr>
        </p15:guide>
        <p15:guide id="14" pos="7226" userDrawn="1">
          <p15:clr>
            <a:srgbClr val="FF96FF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 and Highl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6CC132A-752E-49EE-8020-24BF6F9DA8FA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19138" y="1577975"/>
            <a:ext cx="6612731" cy="45593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B345854-2144-4B92-8B88-CC69BC115A0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19206" y="1384469"/>
            <a:ext cx="3839369" cy="2349121"/>
          </a:xfrm>
          <a:solidFill>
            <a:schemeClr val="accent1"/>
          </a:solidFill>
        </p:spPr>
        <p:txBody>
          <a:bodyPr lIns="216000" tIns="216000" rIns="216000" bIns="216000"/>
          <a:lstStyle>
            <a:lvl1pPr>
              <a:buClr>
                <a:schemeClr val="bg1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1675887599" name="image" descr="{&quot;templafy&quot;:{&quot;id&quot;:&quot;3a0fb8bb-9af7-4ae4-b4ab-0175adcff3fc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7" name="text" descr="{&quot;templafy&quot;:{&quot;id&quot;:&quot;2f911282-5f89-4619-b54b-19d2b8dd5a7c&quot;}}" title="Form.Division.Website">
            <a:extLst>
              <a:ext uri="{FF2B5EF4-FFF2-40B4-BE49-F238E27FC236}">
                <a16:creationId xmlns:a16="http://schemas.microsoft.com/office/drawing/2014/main" id="{A80C7DDF-DACA-4A7C-801A-3775C252B6F2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14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8190874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ighlig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48A2B2F-E20F-45C9-A074-222832DC42CB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719138" y="1415950"/>
            <a:ext cx="357187" cy="70760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4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6148490A-8FA5-429C-A43A-5A92DFF9BED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19138" y="2156530"/>
            <a:ext cx="2471737" cy="398074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7" name="Text Placeholder 4">
            <a:extLst>
              <a:ext uri="{FF2B5EF4-FFF2-40B4-BE49-F238E27FC236}">
                <a16:creationId xmlns:a16="http://schemas.microsoft.com/office/drawing/2014/main" id="{5C2CA503-7843-4764-91A7-B654987A81BC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479800" y="1415950"/>
            <a:ext cx="357187" cy="70760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4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18" name="Text Placeholder 4">
            <a:extLst>
              <a:ext uri="{FF2B5EF4-FFF2-40B4-BE49-F238E27FC236}">
                <a16:creationId xmlns:a16="http://schemas.microsoft.com/office/drawing/2014/main" id="{49A4BF61-CB76-4BF6-A7BD-01F3969D317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479800" y="2156530"/>
            <a:ext cx="2471737" cy="398074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9" name="Text Placeholder 4">
            <a:extLst>
              <a:ext uri="{FF2B5EF4-FFF2-40B4-BE49-F238E27FC236}">
                <a16:creationId xmlns:a16="http://schemas.microsoft.com/office/drawing/2014/main" id="{69CDE0BA-8471-49A1-BC5D-6C8E566597F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240462" y="1415950"/>
            <a:ext cx="357187" cy="70760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4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0260A408-1961-4794-A24A-B1B32A9984E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240462" y="2156530"/>
            <a:ext cx="2471737" cy="398074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2" name="Text Placeholder 4">
            <a:extLst>
              <a:ext uri="{FF2B5EF4-FFF2-40B4-BE49-F238E27FC236}">
                <a16:creationId xmlns:a16="http://schemas.microsoft.com/office/drawing/2014/main" id="{2F71811D-C564-483D-883B-5BA5209865D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999538" y="1415950"/>
            <a:ext cx="357187" cy="70760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4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24" name="Text Placeholder 4">
            <a:extLst>
              <a:ext uri="{FF2B5EF4-FFF2-40B4-BE49-F238E27FC236}">
                <a16:creationId xmlns:a16="http://schemas.microsoft.com/office/drawing/2014/main" id="{05550B3F-FA10-4790-B8A9-2D8012C6F44C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8999538" y="2156530"/>
            <a:ext cx="2471737" cy="398074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1585144406" name="image" descr="{&quot;templafy&quot;:{&quot;id&quot;:&quot;46112035-ed06-4346-b252-dec9c5dbe45c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23" name="Slide Number Placeholder 5">
            <a:extLst>
              <a:ext uri="{FF2B5EF4-FFF2-40B4-BE49-F238E27FC236}">
                <a16:creationId xmlns:a16="http://schemas.microsoft.com/office/drawing/2014/main" id="{4CE7CBC9-6E38-48F5-A5DB-7839BEE6EEC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sp>
        <p:nvSpPr>
          <p:cNvPr id="28" name="text" descr="{&quot;templafy&quot;:{&quot;id&quot;:&quot;91d59318-cc48-4d35-ab44-2e066e5796f9&quot;}}" title="Form.Division.Website">
            <a:extLst>
              <a:ext uri="{FF2B5EF4-FFF2-40B4-BE49-F238E27FC236}">
                <a16:creationId xmlns:a16="http://schemas.microsoft.com/office/drawing/2014/main" id="{A77EAFE5-FEBE-4F91-AE70-7D210A19AD82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20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799197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774158B-E5E6-4AF4-9DDA-2728F8BB31C5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5ECBBB4-392E-48D0-A7A1-B691C04DD1C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fld id="{680BFA78-B125-4CEF-AAD8-1CC69F460C2E}" type="slidenum">
              <a:rPr lang="en-GB" smtClean="0"/>
              <a:pPr/>
              <a:t>‹#›</a:t>
            </a:fld>
            <a:endParaRPr lang="en-GB" sz="1200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8336DED-2705-4DDF-89AC-CA629DA34758}"/>
              </a:ext>
            </a:extLst>
          </p:cNvPr>
          <p:cNvCxnSpPr>
            <a:cxnSpLocks/>
            <a:endCxn id="9" idx="1"/>
          </p:cNvCxnSpPr>
          <p:nvPr userDrawn="1"/>
        </p:nvCxnSpPr>
        <p:spPr>
          <a:xfrm>
            <a:off x="2241030" y="6535310"/>
            <a:ext cx="887417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>
            <a:extLst>
              <a:ext uri="{FF2B5EF4-FFF2-40B4-BE49-F238E27FC236}">
                <a16:creationId xmlns:a16="http://schemas.microsoft.com/office/drawing/2014/main" id="{D298D4B8-C398-4186-BC66-F9D8E54A2CA8}"/>
              </a:ext>
            </a:extLst>
          </p:cNvPr>
          <p:cNvSpPr>
            <a:spLocks/>
          </p:cNvSpPr>
          <p:nvPr userDrawn="1"/>
        </p:nvSpPr>
        <p:spPr>
          <a:xfrm>
            <a:off x="11173970" y="6393306"/>
            <a:ext cx="284008" cy="284008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FEF0BFE-A7AA-4C2C-93DB-34C14B528338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19138" y="1577975"/>
            <a:ext cx="5232400" cy="45593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E551C27-E1A5-42CE-A518-321EA8BE095C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6238875" y="1577975"/>
            <a:ext cx="5219700" cy="45593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pic>
        <p:nvPicPr>
          <p:cNvPr id="239008344" name="image" descr="{&quot;templafy&quot;:{&quot;id&quot;:&quot;c16c66d2-44ae-42bf-a0a1-b0d73ecbae4d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33674" y="388480"/>
            <a:ext cx="2037600" cy="596953"/>
          </a:xfrm>
          <a:prstGeom prst="rect">
            <a:avLst/>
          </a:prstGeom>
        </p:spPr>
      </p:pic>
      <p:sp>
        <p:nvSpPr>
          <p:cNvPr id="18" name="text" descr="{&quot;templafy&quot;:{&quot;id&quot;:&quot;37b273c8-bdef-42da-a98c-c3bb7e1e9411&quot;}}" title="Form.Division.Website">
            <a:extLst>
              <a:ext uri="{FF2B5EF4-FFF2-40B4-BE49-F238E27FC236}">
                <a16:creationId xmlns:a16="http://schemas.microsoft.com/office/drawing/2014/main" id="{98DB097F-23D8-4070-B2AD-A16F1ABE476A}"/>
              </a:ext>
            </a:extLst>
          </p:cNvPr>
          <p:cNvSpPr/>
          <p:nvPr userDrawn="1"/>
        </p:nvSpPr>
        <p:spPr>
          <a:xfrm>
            <a:off x="689811" y="6432884"/>
            <a:ext cx="1656151" cy="1646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GB" sz="1200" dirty="0">
                <a:solidFill>
                  <a:schemeClr val="tx2"/>
                </a:solidFill>
              </a:rPr>
              <a:t>www.davies-group.com</a:t>
            </a:r>
          </a:p>
        </p:txBody>
      </p:sp>
      <p:sp>
        <p:nvSpPr>
          <p:cNvPr id="15" name="Title Placeholder 1">
            <a:extLst>
              <a:ext uri="{FF2B5EF4-FFF2-40B4-BE49-F238E27FC236}">
                <a16:creationId xmlns:a16="http://schemas.microsoft.com/office/drawing/2014/main" id="{660B51ED-E16A-4A72-99BE-C4837C456F53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719138" y="578612"/>
            <a:ext cx="7991476" cy="49702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75B68356-DAAD-4E55-9F5D-73E0C3AD292C}"/>
              </a:ext>
            </a:extLst>
          </p:cNvPr>
          <p:cNvCxnSpPr>
            <a:cxnSpLocks/>
          </p:cNvCxnSpPr>
          <p:nvPr userDrawn="1"/>
        </p:nvCxnSpPr>
        <p:spPr>
          <a:xfrm>
            <a:off x="719137" y="1080034"/>
            <a:ext cx="10752138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0681137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" descr="{&quot;templafy&quot;:{&quot;id&quot;:&quot;c89ce331-055d-4b9c-a3b8-5896969e10fe&quot;}}" title="Form.Title">
            <a:extLst>
              <a:ext uri="{FF2B5EF4-FFF2-40B4-BE49-F238E27FC236}">
                <a16:creationId xmlns:a16="http://schemas.microsoft.com/office/drawing/2014/main" id="{826AD10B-2CAE-4538-A8A9-10F17D2F5C23}"/>
              </a:ext>
            </a:extLst>
          </p:cNvPr>
          <p:cNvSpPr>
            <a:spLocks noGrp="1"/>
          </p:cNvSpPr>
          <p:nvPr>
            <p:ph type="title"/>
            <p:custDataLst>
              <p:tags r:id="rId37"/>
            </p:custDataLst>
          </p:nvPr>
        </p:nvSpPr>
        <p:spPr>
          <a:xfrm>
            <a:off x="719138" y="870193"/>
            <a:ext cx="7991476" cy="49545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Motor Claims Infl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219F5E7-BE0A-452E-AFC1-BD34BAC2DFED}"/>
              </a:ext>
            </a:extLst>
          </p:cNvPr>
          <p:cNvSpPr>
            <a:spLocks noGrp="1"/>
          </p:cNvSpPr>
          <p:nvPr>
            <p:ph type="body" idx="1"/>
            <p:custDataLst>
              <p:tags r:id="rId38"/>
            </p:custDataLst>
          </p:nvPr>
        </p:nvSpPr>
        <p:spPr>
          <a:xfrm>
            <a:off x="720000" y="1584000"/>
            <a:ext cx="10752000" cy="4554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7" name="Guides" hidden="1">
            <a:extLst>
              <a:ext uri="{FF2B5EF4-FFF2-40B4-BE49-F238E27FC236}">
                <a16:creationId xmlns:a16="http://schemas.microsoft.com/office/drawing/2014/main" id="{6B261550-11FE-449D-951F-0F459BC7153E}"/>
              </a:ext>
            </a:extLst>
          </p:cNvPr>
          <p:cNvSpPr/>
          <p:nvPr userDrawn="1">
            <p:custDataLst>
              <p:tags r:id="rId39"/>
            </p:custDataLst>
          </p:nvPr>
        </p:nvSpPr>
        <p:spPr>
          <a:xfrm>
            <a:off x="0" y="0"/>
            <a:ext cx="635000" cy="254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700">
              <a:solidFill>
                <a:srgbClr val="FFFFFF"/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66AB70-F33A-474A-BA72-C9DD587D648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3F45AE-9DCC-4236-A76F-3603DAE49130}" type="datetime4">
              <a:rPr lang="en-GB" smtClean="0"/>
              <a:t>01 June 20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154483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1" r:id="rId2"/>
    <p:sldLayoutId id="2147483694" r:id="rId3"/>
    <p:sldLayoutId id="2147483677" r:id="rId4"/>
    <p:sldLayoutId id="2147483650" r:id="rId5"/>
    <p:sldLayoutId id="2147483663" r:id="rId6"/>
    <p:sldLayoutId id="2147483683" r:id="rId7"/>
    <p:sldLayoutId id="2147483684" r:id="rId8"/>
    <p:sldLayoutId id="2147483670" r:id="rId9"/>
    <p:sldLayoutId id="2147483668" r:id="rId10"/>
    <p:sldLayoutId id="2147483666" r:id="rId11"/>
    <p:sldLayoutId id="2147483662" r:id="rId12"/>
    <p:sldLayoutId id="2147483671" r:id="rId13"/>
    <p:sldLayoutId id="2147483682" r:id="rId14"/>
    <p:sldLayoutId id="2147483678" r:id="rId15"/>
    <p:sldLayoutId id="2147483679" r:id="rId16"/>
    <p:sldLayoutId id="2147483680" r:id="rId17"/>
    <p:sldLayoutId id="2147483681" r:id="rId18"/>
    <p:sldLayoutId id="2147483695" r:id="rId19"/>
    <p:sldLayoutId id="2147483693" r:id="rId20"/>
    <p:sldLayoutId id="2147483661" r:id="rId21"/>
    <p:sldLayoutId id="2147483664" r:id="rId22"/>
    <p:sldLayoutId id="2147483685" r:id="rId23"/>
    <p:sldLayoutId id="2147483686" r:id="rId24"/>
    <p:sldLayoutId id="2147483660" r:id="rId25"/>
    <p:sldLayoutId id="2147483669" r:id="rId26"/>
    <p:sldLayoutId id="2147483667" r:id="rId27"/>
    <p:sldLayoutId id="2147483688" r:id="rId28"/>
    <p:sldLayoutId id="2147483672" r:id="rId29"/>
    <p:sldLayoutId id="2147483687" r:id="rId30"/>
    <p:sldLayoutId id="2147483689" r:id="rId31"/>
    <p:sldLayoutId id="2147483690" r:id="rId32"/>
    <p:sldLayoutId id="2147483691" r:id="rId33"/>
    <p:sldLayoutId id="2147483692" r:id="rId34"/>
    <p:sldLayoutId id="2147483665" r:id="rId35"/>
  </p:sldLayoutIdLst>
  <p:hf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320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68288" indent="-268288" algn="l" defTabSz="914400" rtl="0" eaLnBrk="1" latinLnBrk="0" hangingPunct="1">
        <a:lnSpc>
          <a:spcPct val="102000"/>
        </a:lnSpc>
        <a:spcBef>
          <a:spcPts val="600"/>
        </a:spcBef>
        <a:buClr>
          <a:schemeClr val="accent1"/>
        </a:buClr>
        <a:buFont typeface="Wingdings" panose="05000000000000000000" pitchFamily="2" charset="2"/>
        <a:buChar char="§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69875" algn="l" defTabSz="914400" rtl="0" eaLnBrk="1" latinLnBrk="0" hangingPunct="1">
        <a:lnSpc>
          <a:spcPct val="102000"/>
        </a:lnSpc>
        <a:spcBef>
          <a:spcPts val="600"/>
        </a:spcBef>
        <a:buClr>
          <a:schemeClr val="tx2"/>
        </a:buClr>
        <a:buFont typeface="Calibri" panose="020F0502020204030204" pitchFamily="34" charset="0"/>
        <a:buChar char="­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806450" indent="-271463" algn="l" defTabSz="914400" rtl="0" eaLnBrk="1" latinLnBrk="0" hangingPunct="1">
        <a:lnSpc>
          <a:spcPct val="102000"/>
        </a:lnSpc>
        <a:spcBef>
          <a:spcPts val="600"/>
        </a:spcBef>
        <a:buClr>
          <a:schemeClr val="tx2"/>
        </a:buClr>
        <a:buFont typeface="Calibri" panose="020F0502020204030204" pitchFamily="34" charset="0"/>
        <a:buChar char="­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076325" indent="-269875" algn="l" defTabSz="914400" rtl="0" eaLnBrk="1" latinLnBrk="0" hangingPunct="1">
        <a:lnSpc>
          <a:spcPct val="102000"/>
        </a:lnSpc>
        <a:spcBef>
          <a:spcPts val="600"/>
        </a:spcBef>
        <a:buClr>
          <a:schemeClr val="tx2"/>
        </a:buClr>
        <a:buFont typeface="Calibri" panose="020F0502020204030204" pitchFamily="34" charset="0"/>
        <a:buChar char="­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1344613" indent="-268288" algn="l" defTabSz="914400" rtl="0" eaLnBrk="1" latinLnBrk="0" hangingPunct="1">
        <a:lnSpc>
          <a:spcPct val="102000"/>
        </a:lnSpc>
        <a:spcBef>
          <a:spcPts val="600"/>
        </a:spcBef>
        <a:buClr>
          <a:schemeClr val="tx2"/>
        </a:buClr>
        <a:buFont typeface="Calibri" panose="020F0502020204030204" pitchFamily="34" charset="0"/>
        <a:buChar char="­"/>
        <a:defRPr sz="1100" kern="1200">
          <a:solidFill>
            <a:schemeClr val="tx1"/>
          </a:solidFill>
          <a:latin typeface="+mn-lt"/>
          <a:ea typeface="+mn-ea"/>
          <a:cs typeface="+mn-cs"/>
        </a:defRPr>
      </a:lvl5pPr>
      <a:lvl6pPr marL="1790700" indent="-358775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Wingdings" panose="05000000000000000000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790700" indent="-358775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Wingdings" panose="05000000000000000000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790700" indent="-358775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Wingdings" panose="05000000000000000000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1790700" indent="-358775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Wingdings" panose="05000000000000000000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663">
          <p15:clr>
            <a:srgbClr val="FF96FF"/>
          </p15:clr>
        </p15:guide>
        <p15:guide id="4" orient="horz" pos="2341">
          <p15:clr>
            <a:srgbClr val="FF96FF"/>
          </p15:clr>
        </p15:guide>
        <p15:guide id="5" orient="horz" pos="2522">
          <p15:clr>
            <a:srgbClr val="FF96FF"/>
          </p15:clr>
        </p15:guide>
        <p15:guide id="6" orient="horz" pos="3866">
          <p15:clr>
            <a:srgbClr val="FF96FF"/>
          </p15:clr>
        </p15:guide>
        <p15:guide id="7" pos="453">
          <p15:clr>
            <a:srgbClr val="FF96FF"/>
          </p15:clr>
        </p15:guide>
        <p15:guide id="8" pos="2010">
          <p15:clr>
            <a:srgbClr val="FF96FF"/>
          </p15:clr>
        </p15:guide>
        <p15:guide id="9" pos="2192">
          <p15:clr>
            <a:srgbClr val="FF96FF"/>
          </p15:clr>
        </p15:guide>
        <p15:guide id="10" pos="3749">
          <p15:clr>
            <a:srgbClr val="FF96FF"/>
          </p15:clr>
        </p15:guide>
        <p15:guide id="11" pos="3930">
          <p15:clr>
            <a:srgbClr val="FF96FF"/>
          </p15:clr>
        </p15:guide>
        <p15:guide id="12" pos="5487">
          <p15:clr>
            <a:srgbClr val="FF96FF"/>
          </p15:clr>
        </p15:guide>
        <p15:guide id="13" pos="5669">
          <p15:clr>
            <a:srgbClr val="FF96FF"/>
          </p15:clr>
        </p15:guide>
        <p15:guide id="14" pos="7226">
          <p15:clr>
            <a:srgbClr val="FF96FF"/>
          </p15:clr>
        </p15:guide>
        <p15:guide id="15" orient="horz" pos="994">
          <p15:clr>
            <a:srgbClr val="FF96FF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1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4.xml"/><Relationship Id="rId1" Type="http://schemas.openxmlformats.org/officeDocument/2006/relationships/slideLayout" Target="../slideLayouts/slideLayout3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66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16.xml"/><Relationship Id="rId5" Type="http://schemas.openxmlformats.org/officeDocument/2006/relationships/image" Target="../media/image8.png"/><Relationship Id="rId4" Type="http://schemas.openxmlformats.org/officeDocument/2006/relationships/slideLayout" Target="../slideLayouts/slideLayout3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67.xml"/><Relationship Id="rId2" Type="http://schemas.openxmlformats.org/officeDocument/2006/relationships/customXml" Target="../../customXml/item20.xml"/><Relationship Id="rId1" Type="http://schemas.openxmlformats.org/officeDocument/2006/relationships/customXml" Target="../../customXml/item18.xml"/><Relationship Id="rId4" Type="http://schemas.openxmlformats.org/officeDocument/2006/relationships/slideLayout" Target="../slideLayouts/slideLayout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76D946-9FF3-F4BA-8F14-3B46F24ECE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otor Claims Market Review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F146A6C-7FA4-D7A2-3B1A-BECB8EB3B21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Inflation, supply chain &amp; trends</a:t>
            </a:r>
          </a:p>
          <a:p>
            <a:r>
              <a:rPr lang="en-GB" dirty="0"/>
              <a:t>June 2023</a:t>
            </a:r>
          </a:p>
        </p:txBody>
      </p:sp>
    </p:spTree>
    <p:extLst>
      <p:ext uri="{BB962C8B-B14F-4D97-AF65-F5344CB8AC3E}">
        <p14:creationId xmlns:p14="http://schemas.microsoft.com/office/powerpoint/2010/main" val="270786644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0CC9B4BA-F265-1C39-5247-49E9522B749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680BFA78-B125-4CEF-AAD8-1CC69F460C2E}" type="slidenum">
              <a:rPr lang="en-GB" smtClean="0"/>
              <a:pPr>
                <a:spcAft>
                  <a:spcPts val="600"/>
                </a:spcAft>
              </a:pPr>
              <a:t>2</a:t>
            </a:fld>
            <a:endParaRPr lang="en-GB"/>
          </a:p>
        </p:txBody>
      </p:sp>
      <p:pic>
        <p:nvPicPr>
          <p:cNvPr id="5" name="Picture 4" descr="A person working on a car&#10;&#10;Description automatically generated with medium confidence">
            <a:extLst>
              <a:ext uri="{FF2B5EF4-FFF2-40B4-BE49-F238E27FC236}">
                <a16:creationId xmlns:a16="http://schemas.microsoft.com/office/drawing/2014/main" id="{119F2C4D-5D98-C329-9D11-7F0CEF97B7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40838" y="1584000"/>
            <a:ext cx="4540445" cy="4554000"/>
          </a:xfrm>
          <a:prstGeom prst="rect">
            <a:avLst/>
          </a:prstGeom>
          <a:noFill/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3CDC065-E9F6-0678-0A4A-C455ECA90D79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6239999" y="1584000"/>
            <a:ext cx="5232000" cy="4554000"/>
          </a:xfrm>
        </p:spPr>
        <p:txBody>
          <a:bodyPr>
            <a:normAutofit/>
          </a:bodyPr>
          <a:lstStyle/>
          <a:p>
            <a:r>
              <a:rPr lang="en-GB" dirty="0"/>
              <a:t>Inflation remains a key focus in the claims market – there are signs of stabilisation, but it is still early days</a:t>
            </a:r>
          </a:p>
          <a:p>
            <a:endParaRPr lang="en-GB" dirty="0"/>
          </a:p>
          <a:p>
            <a:r>
              <a:rPr lang="en-GB" dirty="0"/>
              <a:t>The motor supply chain is a key focus area, with parts delays and increased costs still prevalent, albeit there are signs of improvement</a:t>
            </a:r>
          </a:p>
          <a:p>
            <a:endParaRPr lang="en-GB" dirty="0"/>
          </a:p>
          <a:p>
            <a:r>
              <a:rPr lang="en-GB" dirty="0"/>
              <a:t>New vehicle lead times are reducing, but the focus on electric complicates the supply chain and is maintaining pressure on parts supply and used vehicle prices</a:t>
            </a:r>
          </a:p>
          <a:p>
            <a:endParaRPr lang="en-GB" dirty="0"/>
          </a:p>
          <a:p>
            <a:r>
              <a:rPr lang="en-GB" dirty="0"/>
              <a:t>Peril level analysis is key to understanding challenges and areas of opportunity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201EA77-AEEE-04FA-4215-8E66B2F86D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9138" y="578612"/>
            <a:ext cx="7991476" cy="497024"/>
          </a:xfrm>
        </p:spPr>
        <p:txBody>
          <a:bodyPr anchor="ctr">
            <a:normAutofit/>
          </a:bodyPr>
          <a:lstStyle/>
          <a:p>
            <a:r>
              <a:rPr lang="en-GB" dirty="0"/>
              <a:t>Overview</a:t>
            </a:r>
          </a:p>
        </p:txBody>
      </p:sp>
    </p:spTree>
    <p:extLst>
      <p:ext uri="{BB962C8B-B14F-4D97-AF65-F5344CB8AC3E}">
        <p14:creationId xmlns:p14="http://schemas.microsoft.com/office/powerpoint/2010/main" val="22413410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B97966F4-E61A-C9F3-0D3D-7EC5E2EC2A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680BFA78-B125-4CEF-AAD8-1CC69F460C2E}" type="slidenum">
              <a:rPr lang="en-GB" smtClean="0"/>
              <a:pPr/>
              <a:t>3</a:t>
            </a:fld>
            <a:endParaRPr lang="en-GB" sz="1200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1411E3A-5849-FB21-CE88-6644BFBD8A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otor Claims Inflation By Peril</a:t>
            </a:r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01C3D0E0-312C-431B-AD00-1334A9FF3EC6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126173685"/>
              </p:ext>
            </p:extLst>
          </p:nvPr>
        </p:nvGraphicFramePr>
        <p:xfrm>
          <a:off x="719138" y="1280160"/>
          <a:ext cx="7991476" cy="369916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63455359-7632-538D-3DD2-BD9A5EDE6D38}"/>
              </a:ext>
            </a:extLst>
          </p:cNvPr>
          <p:cNvSpPr txBox="1"/>
          <p:nvPr/>
        </p:nvSpPr>
        <p:spPr>
          <a:xfrm>
            <a:off x="897775" y="5303520"/>
            <a:ext cx="10523912" cy="9301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l">
              <a:lnSpc>
                <a:spcPct val="102000"/>
              </a:lnSpc>
              <a:buFont typeface="Arial" panose="020B0604020202020204" pitchFamily="34" charset="0"/>
              <a:buChar char="•"/>
            </a:pPr>
            <a:r>
              <a:rPr lang="en-GB" dirty="0"/>
              <a:t>Own damage (AD) and credit hire have seen the sharpest increases between 2020 &amp; 2022</a:t>
            </a:r>
          </a:p>
          <a:p>
            <a:pPr marL="285750" indent="-285750" algn="l">
              <a:lnSpc>
                <a:spcPct val="102000"/>
              </a:lnSpc>
              <a:buFont typeface="Arial" panose="020B0604020202020204" pitchFamily="34" charset="0"/>
              <a:buChar char="•"/>
            </a:pPr>
            <a:r>
              <a:rPr lang="en-GB" dirty="0"/>
              <a:t>Inflation is showing signs of stabilising, although it is too early to offer a definitive view – we are cautiously optimistic</a:t>
            </a:r>
          </a:p>
        </p:txBody>
      </p:sp>
    </p:spTree>
    <p:extLst>
      <p:ext uri="{BB962C8B-B14F-4D97-AF65-F5344CB8AC3E}">
        <p14:creationId xmlns:p14="http://schemas.microsoft.com/office/powerpoint/2010/main" val="394644745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3D1AF54A-DA1E-61C3-457E-CB6AAACDE29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680BFA78-B125-4CEF-AAD8-1CC69F460C2E}" type="slidenum">
              <a:rPr lang="en-GB" smtClean="0"/>
              <a:pPr>
                <a:spcAft>
                  <a:spcPts val="600"/>
                </a:spcAft>
              </a:pPr>
              <a:t>4</a:t>
            </a:fld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7300590-5E8B-8A31-BAA0-168B5E2C47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9138" y="578612"/>
            <a:ext cx="7991476" cy="497024"/>
          </a:xfrm>
        </p:spPr>
        <p:txBody>
          <a:bodyPr anchor="ctr">
            <a:normAutofit/>
          </a:bodyPr>
          <a:lstStyle/>
          <a:p>
            <a:r>
              <a:rPr lang="en-GB" dirty="0"/>
              <a:t>Vehicle Repair Costs</a:t>
            </a:r>
          </a:p>
        </p:txBody>
      </p:sp>
      <p:graphicFrame>
        <p:nvGraphicFramePr>
          <p:cNvPr id="8" name="Chart 7">
            <a:extLst>
              <a:ext uri="{FF2B5EF4-FFF2-40B4-BE49-F238E27FC236}">
                <a16:creationId xmlns:a16="http://schemas.microsoft.com/office/drawing/2014/main" id="{3F6455B8-A2EC-EE04-1692-DA45A9F5DC9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4799769"/>
              </p:ext>
            </p:extLst>
          </p:nvPr>
        </p:nvGraphicFramePr>
        <p:xfrm>
          <a:off x="420942" y="4088982"/>
          <a:ext cx="7484463" cy="253920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13" name="Chart 12">
            <a:extLst>
              <a:ext uri="{FF2B5EF4-FFF2-40B4-BE49-F238E27FC236}">
                <a16:creationId xmlns:a16="http://schemas.microsoft.com/office/drawing/2014/main" id="{397BB524-1F01-EBAF-E91A-0BA69795A8B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141786052"/>
              </p:ext>
            </p:extLst>
          </p:nvPr>
        </p:nvGraphicFramePr>
        <p:xfrm>
          <a:off x="404316" y="1238595"/>
          <a:ext cx="7426274" cy="260188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5" name="TextBox 14">
            <a:extLst>
              <a:ext uri="{FF2B5EF4-FFF2-40B4-BE49-F238E27FC236}">
                <a16:creationId xmlns:a16="http://schemas.microsoft.com/office/drawing/2014/main" id="{A9CE543B-CFF9-DC2F-9033-8A05B0806E46}"/>
              </a:ext>
            </a:extLst>
          </p:cNvPr>
          <p:cNvSpPr txBox="1"/>
          <p:nvPr/>
        </p:nvSpPr>
        <p:spPr>
          <a:xfrm>
            <a:off x="9010996" y="1238595"/>
            <a:ext cx="3181003" cy="51068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l">
              <a:lnSpc>
                <a:spcPct val="102000"/>
              </a:lnSpc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bg1"/>
                </a:solidFill>
              </a:rPr>
              <a:t>The period between Jan 2020 and Jan 2022 saw the biggest increase  in total repair costs – 75% over the period</a:t>
            </a:r>
          </a:p>
          <a:p>
            <a:pPr marL="285750" indent="-285750" algn="l">
              <a:lnSpc>
                <a:spcPct val="102000"/>
              </a:lnSpc>
              <a:buFont typeface="Arial" panose="020B0604020202020204" pitchFamily="34" charset="0"/>
              <a:buChar char="•"/>
            </a:pPr>
            <a:endParaRPr lang="en-GB" sz="1600" dirty="0">
              <a:solidFill>
                <a:schemeClr val="bg1"/>
              </a:solidFill>
            </a:endParaRPr>
          </a:p>
          <a:p>
            <a:pPr marL="285750" indent="-285750" algn="l">
              <a:lnSpc>
                <a:spcPct val="102000"/>
              </a:lnSpc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bg1"/>
                </a:solidFill>
              </a:rPr>
              <a:t>Parts prices accounted for the majority of that increase, rising at 62% over the same period</a:t>
            </a:r>
          </a:p>
          <a:p>
            <a:pPr marL="285750" indent="-285750" algn="l">
              <a:lnSpc>
                <a:spcPct val="102000"/>
              </a:lnSpc>
              <a:buFont typeface="Arial" panose="020B0604020202020204" pitchFamily="34" charset="0"/>
              <a:buChar char="•"/>
            </a:pPr>
            <a:endParaRPr lang="en-GB" sz="1600" dirty="0">
              <a:solidFill>
                <a:schemeClr val="bg1"/>
              </a:solidFill>
            </a:endParaRPr>
          </a:p>
          <a:p>
            <a:pPr marL="285750" indent="-285750" algn="l">
              <a:lnSpc>
                <a:spcPct val="102000"/>
              </a:lnSpc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bg1"/>
                </a:solidFill>
              </a:rPr>
              <a:t>Labour rate increases, driven by sharp rises in operating costs for repairers are responsible for the majority of the remaining increase</a:t>
            </a:r>
          </a:p>
          <a:p>
            <a:pPr marL="285750" indent="-285750" algn="l">
              <a:lnSpc>
                <a:spcPct val="102000"/>
              </a:lnSpc>
              <a:buFont typeface="Arial" panose="020B0604020202020204" pitchFamily="34" charset="0"/>
              <a:buChar char="•"/>
            </a:pPr>
            <a:endParaRPr lang="en-GB" sz="1600" dirty="0">
              <a:solidFill>
                <a:schemeClr val="bg1"/>
              </a:solidFill>
            </a:endParaRPr>
          </a:p>
          <a:p>
            <a:pPr marL="285750" indent="-285750" algn="l">
              <a:lnSpc>
                <a:spcPct val="102000"/>
              </a:lnSpc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bg1"/>
                </a:solidFill>
              </a:rPr>
              <a:t>Increased environmental charges repairers legitimately incur are also a factor, as ESG governance becomes more prominent in the repair sector</a:t>
            </a:r>
          </a:p>
        </p:txBody>
      </p:sp>
    </p:spTree>
    <p:extLst>
      <p:ext uri="{BB962C8B-B14F-4D97-AF65-F5344CB8AC3E}">
        <p14:creationId xmlns:p14="http://schemas.microsoft.com/office/powerpoint/2010/main" val="10493664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F5633768-5B7D-1695-4E52-2E037F89D05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680BFA78-B125-4CEF-AAD8-1CC69F460C2E}" type="slidenum">
              <a:rPr lang="en-GB" smtClean="0"/>
              <a:pPr/>
              <a:t>5</a:t>
            </a:fld>
            <a:endParaRPr lang="en-GB" sz="1200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AC1D8A2B-CEFD-F0F6-4D74-D975CAA2D5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ew Vehicle Lead Times</a:t>
            </a:r>
          </a:p>
        </p:txBody>
      </p:sp>
      <p:graphicFrame>
        <p:nvGraphicFramePr>
          <p:cNvPr id="11" name="Chart 10">
            <a:extLst>
              <a:ext uri="{FF2B5EF4-FFF2-40B4-BE49-F238E27FC236}">
                <a16:creationId xmlns:a16="http://schemas.microsoft.com/office/drawing/2014/main" id="{5EB6BB7B-109E-97F2-64BE-75E6C2141DD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743280975"/>
              </p:ext>
            </p:extLst>
          </p:nvPr>
        </p:nvGraphicFramePr>
        <p:xfrm>
          <a:off x="859905" y="1875135"/>
          <a:ext cx="7452822" cy="393546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2" name="TextBox 11">
            <a:extLst>
              <a:ext uri="{FF2B5EF4-FFF2-40B4-BE49-F238E27FC236}">
                <a16:creationId xmlns:a16="http://schemas.microsoft.com/office/drawing/2014/main" id="{DA4B9127-C841-D839-9D45-6EC91DEAE684}"/>
              </a:ext>
            </a:extLst>
          </p:cNvPr>
          <p:cNvSpPr txBox="1"/>
          <p:nvPr/>
        </p:nvSpPr>
        <p:spPr>
          <a:xfrm>
            <a:off x="8710614" y="1163862"/>
            <a:ext cx="2806127" cy="53580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02000"/>
              </a:lnSpc>
            </a:pPr>
            <a:r>
              <a:rPr lang="en-GB" sz="1600" dirty="0"/>
              <a:t>The lead time for new vehicles is still much higher than pre-Covid.</a:t>
            </a:r>
          </a:p>
          <a:p>
            <a:pPr algn="l">
              <a:lnSpc>
                <a:spcPct val="102000"/>
              </a:lnSpc>
            </a:pPr>
            <a:endParaRPr lang="en-GB" sz="1600" dirty="0"/>
          </a:p>
          <a:p>
            <a:pPr algn="l">
              <a:lnSpc>
                <a:spcPct val="102000"/>
              </a:lnSpc>
            </a:pPr>
            <a:r>
              <a:rPr lang="en-GB" sz="1600" dirty="0"/>
              <a:t>This is still in large part driven by global supply chain challenges, but is further complicated by the shift to electric and hybrid vehicles.</a:t>
            </a:r>
          </a:p>
          <a:p>
            <a:pPr algn="l">
              <a:lnSpc>
                <a:spcPct val="102000"/>
              </a:lnSpc>
            </a:pPr>
            <a:endParaRPr lang="en-GB" sz="1600" dirty="0"/>
          </a:p>
          <a:p>
            <a:pPr algn="l">
              <a:lnSpc>
                <a:spcPct val="102000"/>
              </a:lnSpc>
            </a:pPr>
            <a:r>
              <a:rPr lang="en-GB" sz="1600" dirty="0"/>
              <a:t>Production facilities need to be developed for new models that are introduced, with a greater reliance on materials that are already in short supply.</a:t>
            </a:r>
          </a:p>
          <a:p>
            <a:pPr algn="l">
              <a:lnSpc>
                <a:spcPct val="102000"/>
              </a:lnSpc>
            </a:pPr>
            <a:endParaRPr lang="en-GB" sz="1600" dirty="0"/>
          </a:p>
          <a:p>
            <a:pPr algn="l">
              <a:lnSpc>
                <a:spcPct val="102000"/>
              </a:lnSpc>
            </a:pPr>
            <a:r>
              <a:rPr lang="en-GB" sz="1600" dirty="0"/>
              <a:t>The longer lead times continue to drive up used car prices which reman virtually unchanged since 2022, according to AA research</a:t>
            </a:r>
          </a:p>
        </p:txBody>
      </p:sp>
    </p:spTree>
    <p:extLst>
      <p:ext uri="{BB962C8B-B14F-4D97-AF65-F5344CB8AC3E}">
        <p14:creationId xmlns:p14="http://schemas.microsoft.com/office/powerpoint/2010/main" val="9037763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Slide Number Placeholder 56">
            <a:extLst>
              <a:ext uri="{FF2B5EF4-FFF2-40B4-BE49-F238E27FC236}">
                <a16:creationId xmlns:a16="http://schemas.microsoft.com/office/drawing/2014/main" id="{1841A297-7DEC-4009-90A9-28A09D1BABB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15207" y="6442430"/>
            <a:ext cx="401534" cy="18576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680BFA78-B125-4CEF-AAD8-1CC69F460C2E}" type="slidenum">
              <a:rPr lang="en-GB" smtClean="0"/>
              <a:pPr>
                <a:spcAft>
                  <a:spcPts val="600"/>
                </a:spcAft>
              </a:pPr>
              <a:t>6</a:t>
            </a:fld>
            <a:endParaRPr lang="en-GB"/>
          </a:p>
        </p:txBody>
      </p:sp>
      <p:pic>
        <p:nvPicPr>
          <p:cNvPr id="4" name="Picture 3" descr="Text&#10;&#10;Description automatically generated with medium confidence">
            <a:extLst>
              <a:ext uri="{FF2B5EF4-FFF2-40B4-BE49-F238E27FC236}">
                <a16:creationId xmlns:a16="http://schemas.microsoft.com/office/drawing/2014/main" id="{37DDF9DB-1019-5C44-E4CE-835EA2DDFF7A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47535" r="4773" b="2"/>
          <a:stretch/>
        </p:blipFill>
        <p:spPr>
          <a:xfrm>
            <a:off x="719138" y="2259619"/>
            <a:ext cx="2471737" cy="2471738"/>
          </a:xfrm>
          <a:prstGeom prst="ellipse">
            <a:avLst/>
          </a:prstGeom>
          <a:noFill/>
        </p:spPr>
      </p:pic>
      <p:sp>
        <p:nvSpPr>
          <p:cNvPr id="3" name="Content Placeholder 2"/>
          <p:cNvSpPr>
            <a:spLocks noGrp="1"/>
          </p:cNvSpPr>
          <p:nvPr>
            <p:ph type="body" sz="quarter" idx="15"/>
          </p:nvPr>
        </p:nvSpPr>
        <p:spPr>
          <a:xfrm>
            <a:off x="3479800" y="1404851"/>
            <a:ext cx="7635407" cy="4732425"/>
          </a:xfrm>
        </p:spPr>
        <p:txBody>
          <a:bodyPr>
            <a:normAutofit/>
          </a:bodyPr>
          <a:lstStyle/>
          <a:p>
            <a:pPr marL="0" indent="0">
              <a:lnSpc>
                <a:spcPct val="92000"/>
              </a:lnSpc>
              <a:buNone/>
            </a:pPr>
            <a:r>
              <a:rPr lang="en-GB" dirty="0"/>
              <a:t>The average claims cost across all perils increased between 2020 and 2022, with a particularly sharp increase seen throughout 2022</a:t>
            </a:r>
          </a:p>
          <a:p>
            <a:pPr marL="0" indent="0">
              <a:lnSpc>
                <a:spcPct val="92000"/>
              </a:lnSpc>
              <a:buNone/>
            </a:pPr>
            <a:endParaRPr lang="en-GB" dirty="0"/>
          </a:p>
          <a:p>
            <a:pPr marL="0" indent="0">
              <a:lnSpc>
                <a:spcPct val="92000"/>
              </a:lnSpc>
              <a:buNone/>
            </a:pPr>
            <a:r>
              <a:rPr lang="en-GB" dirty="0"/>
              <a:t>This was primarily being driven by:</a:t>
            </a:r>
          </a:p>
          <a:p>
            <a:pPr marL="0" indent="0">
              <a:lnSpc>
                <a:spcPct val="92000"/>
              </a:lnSpc>
              <a:buNone/>
            </a:pPr>
            <a:endParaRPr lang="en-GB" dirty="0"/>
          </a:p>
          <a:p>
            <a:pPr lvl="1">
              <a:lnSpc>
                <a:spcPct val="92000"/>
              </a:lnSpc>
            </a:pPr>
            <a:r>
              <a:rPr lang="en-GB" sz="1800" dirty="0"/>
              <a:t>Cost of raw materials, parts and labour increasing repair costs</a:t>
            </a:r>
          </a:p>
          <a:p>
            <a:pPr lvl="1">
              <a:lnSpc>
                <a:spcPct val="92000"/>
              </a:lnSpc>
            </a:pPr>
            <a:r>
              <a:rPr lang="en-GB" sz="1800" dirty="0"/>
              <a:t>Parts delays increasing vehicle downtime and subsequently the size of credit hire claims – credit hire operators tried to maximise the hire rates and periods</a:t>
            </a:r>
          </a:p>
          <a:p>
            <a:pPr lvl="1">
              <a:lnSpc>
                <a:spcPct val="92000"/>
              </a:lnSpc>
            </a:pPr>
            <a:r>
              <a:rPr lang="en-GB" sz="1800" dirty="0"/>
              <a:t>Increased labour rates </a:t>
            </a:r>
          </a:p>
          <a:p>
            <a:pPr lvl="1">
              <a:lnSpc>
                <a:spcPct val="92000"/>
              </a:lnSpc>
            </a:pPr>
            <a:r>
              <a:rPr lang="en-GB" sz="1800" dirty="0"/>
              <a:t>PI reforms driving uncertainty &amp; cautious reserving strategies</a:t>
            </a:r>
          </a:p>
          <a:p>
            <a:pPr lvl="1">
              <a:lnSpc>
                <a:spcPct val="92000"/>
              </a:lnSpc>
            </a:pPr>
            <a:r>
              <a:rPr lang="en-GB" sz="1800" dirty="0"/>
              <a:t>Scarcity of courtesy vehicles and general mobility solutions </a:t>
            </a:r>
          </a:p>
          <a:p>
            <a:pPr lvl="1">
              <a:lnSpc>
                <a:spcPct val="92000"/>
              </a:lnSpc>
            </a:pPr>
            <a:r>
              <a:rPr lang="en-GB" sz="1800" dirty="0"/>
              <a:t>Used vehicle prices continuing to increase – the average sale value of a used car has increased by 35% since January 2020, according to </a:t>
            </a:r>
            <a:r>
              <a:rPr lang="en-GB" sz="1800" dirty="0" err="1"/>
              <a:t>AutoTrader</a:t>
            </a:r>
            <a:r>
              <a:rPr lang="en-GB" sz="1800" dirty="0"/>
              <a:t>, with no real signs this is reducing</a:t>
            </a:r>
          </a:p>
          <a:p>
            <a:pPr marL="0" marR="0" lvl="0" indent="0" defTabSz="914400" rtl="0" eaLnBrk="1" fontAlgn="auto" latinLnBrk="0" hangingPunct="1">
              <a:lnSpc>
                <a:spcPct val="92000"/>
              </a:lnSpc>
              <a:spcBef>
                <a:spcPts val="600"/>
              </a:spcBef>
              <a:spcAft>
                <a:spcPts val="0"/>
              </a:spcAft>
              <a:buClr>
                <a:srgbClr val="F76C6C"/>
              </a:buClr>
              <a:buSzTx/>
              <a:buNone/>
              <a:tabLst/>
              <a:defRPr/>
            </a:pPr>
            <a:endParaRPr kumimoji="0" lang="en-GB" sz="1300" b="0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</a:endParaRPr>
          </a:p>
          <a:p>
            <a:pPr lvl="1">
              <a:lnSpc>
                <a:spcPct val="92000"/>
              </a:lnSpc>
              <a:buFont typeface="Arial" panose="020B0604020202020204" pitchFamily="34" charset="0"/>
              <a:buChar char="•"/>
            </a:pPr>
            <a:endParaRPr lang="en-GB" sz="13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138" y="578612"/>
            <a:ext cx="7991476" cy="497024"/>
          </a:xfrm>
        </p:spPr>
        <p:txBody>
          <a:bodyPr anchor="ctr">
            <a:normAutofit/>
          </a:bodyPr>
          <a:lstStyle/>
          <a:p>
            <a:r>
              <a:rPr lang="en-GB" dirty="0"/>
              <a:t>Drivers for Inflatio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30388451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93D5912-59C6-676C-8CF8-1F02939369A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680BFA78-B125-4CEF-AAD8-1CC69F460C2E}" type="slidenum">
              <a:rPr lang="en-GB" smtClean="0"/>
              <a:pPr/>
              <a:t>7</a:t>
            </a:fld>
            <a:endParaRPr lang="en-GB" sz="12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353B881-F009-3C21-A16A-14C50A3E1862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20000" y="1223673"/>
            <a:ext cx="10752000" cy="4475978"/>
          </a:xfrm>
        </p:spPr>
        <p:txBody>
          <a:bodyPr/>
          <a:lstStyle/>
          <a:p>
            <a:r>
              <a:rPr lang="en-GB" dirty="0"/>
              <a:t>Parts delays are still common, but a focus on green parts and collaboration across our repair network has mitigated this</a:t>
            </a:r>
          </a:p>
          <a:p>
            <a:endParaRPr lang="en-GB" dirty="0"/>
          </a:p>
          <a:p>
            <a:r>
              <a:rPr lang="en-GB" dirty="0"/>
              <a:t>Proactive total loss strategies have helped reduce hire periods for our clients’ policyholders and third parties, reducing the total cost of the claim</a:t>
            </a:r>
          </a:p>
          <a:p>
            <a:pPr marL="0" indent="0">
              <a:buNone/>
            </a:pPr>
            <a:endParaRPr lang="en-GB" dirty="0"/>
          </a:p>
          <a:p>
            <a:r>
              <a:rPr lang="en-GB" dirty="0"/>
              <a:t>The PI reforms, with the OIC portal being introduced, is reducing the average cost of a PI claim – with support from Keoghs we’ve been able to establish targeted strategies to achieve strong results.  It is still early days for the OIC portal and we are monitoring this closely.</a:t>
            </a:r>
          </a:p>
          <a:p>
            <a:endParaRPr lang="en-GB" dirty="0"/>
          </a:p>
          <a:p>
            <a:r>
              <a:rPr lang="en-GB" dirty="0"/>
              <a:t>A focus on the digital journey, supported by internal and external API links drives efficiency, helping to reduce claims lifecycles which in turn help reduce claims costs</a:t>
            </a:r>
          </a:p>
          <a:p>
            <a:endParaRPr lang="en-GB" dirty="0"/>
          </a:p>
          <a:p>
            <a:r>
              <a:rPr lang="en-GB" dirty="0"/>
              <a:t>Credit hire remains an area of concern, although the rate of inflation is starting to slow.  The PI reforms are already driving claimant behaviour towards maximising hire costs – we are combating this with targeted strategies focused on individual credit hire operator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EEE72514-8679-1BAE-F98A-FF83585DAE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avies response</a:t>
            </a:r>
          </a:p>
        </p:txBody>
      </p:sp>
    </p:spTree>
    <p:extLst>
      <p:ext uri="{BB962C8B-B14F-4D97-AF65-F5344CB8AC3E}">
        <p14:creationId xmlns:p14="http://schemas.microsoft.com/office/powerpoint/2010/main" val="297526976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08378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XCOLS" val="9"/>
  <p:tag name="MAXROWS" val="6"/>
  <p:tag name="MAXGUTTERROW" val="1 cm"/>
  <p:tag name="MAXGUTTERCOL" val="1 cm"/>
  <p:tag name="MASTERLEFTMARGIN" val="56.6929"/>
  <p:tag name="MASTERTOPMARGIN" val="124.7244"/>
  <p:tag name="MASTERBOTTOMMARGIN" val="56.6929"/>
  <p:tag name="MASTERRIGHTMARGIN" val="56.6929"/>
  <p:tag name="CUSTMASTERLEFTMARGIN" val="56.6929"/>
  <p:tag name="CUSTMASTERTOPMARGIN" val="124.7244"/>
  <p:tag name="CUSTMASTERBOTTOMMARGIN" val="56.6929"/>
  <p:tag name="CUSTMASTERRIGHTMARGIN" val="56.6929"/>
  <p:tag name="GUIDESAPPLIEDTO" val="2"/>
  <p:tag name="TITLETOPMARGIN" val="68.5191"/>
  <p:tag name="TITLEBOTTOMMARGIN" val="107.654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2"/>
  <p:tag name="GUIDEROWS" val="1"/>
  <p:tag name="GUTTERCOL" val="0.8 cm"/>
  <p:tag name="GUTTERROW" val="0.8 cm"/>
  <p:tag name="GUIDESAPPLIEDTO" val="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2"/>
  <p:tag name="GUIDEROWS" val="1"/>
  <p:tag name="GUTTERCOL" val="0.8 cm"/>
  <p:tag name="GUTTERROW" val="0.8 cm"/>
  <p:tag name="GUIDESAPPLIEDTO" val="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4"/>
  <p:tag name="GUIDEROWS" val="2"/>
  <p:tag name="GUTTERCOL" val="0.8 cm"/>
  <p:tag name="GUTTERROW" val="0.8 cm"/>
  <p:tag name="GUIDESAPPLIEDTO" val="2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2"/>
  <p:tag name="GUIDEROWS" val="1"/>
  <p:tag name="GUTTERCOL" val="0.8 cm"/>
  <p:tag name="GUTTERROW" val="0.8 cm"/>
  <p:tag name="GUIDESAPPLIEDTO" val="2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2"/>
  <p:tag name="GUIDEROWS" val="1"/>
  <p:tag name="GUTTERCOL" val="0.8 cm"/>
  <p:tag name="GUTTERROW" val="0.8 cm"/>
  <p:tag name="GUIDESAPPLIEDTO" val="2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MEASURMENT" val="Tru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2"/>
  <p:tag name="GUIDEROWS" val="1"/>
  <p:tag name="GUTTERCOL" val="0.8 cm"/>
  <p:tag name="GUTTERROW" val="0.8 cm"/>
  <p:tag name="GUIDESAPPLIEDTO" val="2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USTMASTERTOPMARGIN" val="143.7165"/>
  <p:tag name="CUSTMASTERLEFTMARGIN" val="66.0472"/>
  <p:tag name="CUSTMASTERRIGHTMARGIN" val="66.0472"/>
  <p:tag name="CUSTMASTERBOTTOMMARGIN" val="53.5748"/>
  <p:tag name="MASTERTOPMARGIN" val="124.7244"/>
  <p:tag name="MASTERLEFTMARGIN" val="56.6929"/>
  <p:tag name="MASTERRIGHTMARGIN" val="56.6929"/>
  <p:tag name="MASTERBOTTOMMARGIN" val="56.6929"/>
  <p:tag name="GUIDECOLS" val="4"/>
  <p:tag name="GUIDEROWS" val="2"/>
  <p:tag name="GUTTERCOL" val="0.8 cm"/>
  <p:tag name="GUTTERROW" val="0.8 cm"/>
  <p:tag name="GUIDESAPPLIEDTO" val="2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2"/>
  <p:tag name="GUIDEROWS" val="1"/>
  <p:tag name="GUTTERCOL" val="0.8 cm"/>
  <p:tag name="GUTTERROW" val="0.8 cm"/>
  <p:tag name="GUIDESAPPLIEDTO" val="2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2"/>
  <p:tag name="GUIDEROWS" val="1"/>
  <p:tag name="GUTTERCOL" val="0.8 cm"/>
  <p:tag name="GUTTERROW" val="0.8 cm"/>
  <p:tag name="GUIDESAPPLIEDTO" val="2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2"/>
  <p:tag name="GUIDEROWS" val="1"/>
  <p:tag name="GUTTERCOL" val="0.8 cm"/>
  <p:tag name="GUTTERROW" val="0.8 cm"/>
  <p:tag name="GUIDESAPPLIEDTO" val="2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2"/>
  <p:tag name="GUIDEROWS" val="1"/>
  <p:tag name="GUTTERCOL" val="0.8 cm"/>
  <p:tag name="GUTTERROW" val="0.8 cm"/>
  <p:tag name="GUIDESAPPLIEDTO" val="2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4"/>
  <p:tag name="GUIDEROWS" val="2"/>
  <p:tag name="GUTTERCOL" val="0.8 cm"/>
  <p:tag name="GUTTERROW" val="0.8 cm"/>
  <p:tag name="GUIDESAPPLIEDTO" val="2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2"/>
  <p:tag name="GUIDEROWS" val="1"/>
  <p:tag name="GUTTERCOL" val="0.8 cm"/>
  <p:tag name="GUTTERROW" val="0.8 cm"/>
  <p:tag name="GUIDESAPPLIEDTO" val="2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2"/>
  <p:tag name="GUIDEROWS" val="1"/>
  <p:tag name="GUTTERCOL" val="0.8 cm"/>
  <p:tag name="GUTTERROW" val="0.8 cm"/>
  <p:tag name="GUIDESAPPLIEDTO" val="2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COLS" val="4"/>
  <p:tag name="GUIDEROWS" val="2"/>
  <p:tag name="GUTTERCOL" val="0.8 cm"/>
  <p:tag name="GUTTERROW" val="0.8 cm"/>
  <p:tag name="GUIDESAPPLIEDTO" val="2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31243525198966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3124352519896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UIDESTITLESHAPE" val="Tru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ASTERTOPMARGIN" val="124.7244"/>
  <p:tag name="MASTERLEFTMARGIN" val="56.6929"/>
  <p:tag name="MASTERRIGHTMARGIN" val="56.6929"/>
  <p:tag name="MASTERBOTTOMMARGIN" val="56.6929"/>
  <p:tag name="CUSTMASTERTOPMARGIN" val="143.7165"/>
  <p:tag name="CUSTMASTERLEFTMARGIN" val="66.0472"/>
  <p:tag name="CUSTMASTERRIGHTMARGIN" val="66.0472"/>
  <p:tag name="CUSTMASTERBOTTOMMARGIN" val="53.5748"/>
  <p:tag name="GUIDECOLS" val="4"/>
  <p:tag name="GUIDEROWS" val="2"/>
  <p:tag name="GUTTERCOL" val="0.8 cm"/>
  <p:tag name="GUTTERROW" val="0.8 cm"/>
  <p:tag name="GUIDESAPPLIEDTO" val="2"/>
</p:tagLst>
</file>

<file path=ppt/theme/theme1.xml><?xml version="1.0" encoding="utf-8"?>
<a:theme xmlns:a="http://schemas.openxmlformats.org/drawingml/2006/main" name="Office Theme">
  <a:themeElements>
    <a:clrScheme name="Colours_Davies">
      <a:dk1>
        <a:srgbClr val="545659"/>
      </a:dk1>
      <a:lt1>
        <a:srgbClr val="FFFFFF"/>
      </a:lt1>
      <a:dk2>
        <a:srgbClr val="114B5F"/>
      </a:dk2>
      <a:lt2>
        <a:srgbClr val="E7E6E6"/>
      </a:lt2>
      <a:accent1>
        <a:srgbClr val="F76C6C"/>
      </a:accent1>
      <a:accent2>
        <a:srgbClr val="114B5F"/>
      </a:accent2>
      <a:accent3>
        <a:srgbClr val="5FC7C7"/>
      </a:accent3>
      <a:accent4>
        <a:srgbClr val="8BD16E"/>
      </a:accent4>
      <a:accent5>
        <a:srgbClr val="545659"/>
      </a:accent5>
      <a:accent6>
        <a:srgbClr val="BBBBBD"/>
      </a:accent6>
      <a:hlink>
        <a:srgbClr val="F76C6C"/>
      </a:hlink>
      <a:folHlink>
        <a:srgbClr val="114B5F"/>
      </a:folHlink>
    </a:clrScheme>
    <a:fontScheme name="Calibri">
      <a:majorFont>
        <a:latin typeface="Calibri" panose="020F05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lnSpc>
            <a:spcPct val="102000"/>
          </a:lnSpc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.potx" id="{D3112481-1501-41F0-9C03-E0A48B376B2F}" vid="{1A69F179-598C-4713-8218-709096ED71B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slideVersion":0,"isValidatorEnabled":false,"isLocked":false,"elementsMetadata":[],"slideId":"637508990590799230","enableDocumentContentUpdater":true,"version":"1.11"}]]></TemplafySlideTemplateConfiguration>
</file>

<file path=customXml/item12.xml><?xml version="1.0" encoding="utf-8"?>
<TemplafySlideTemplateConfiguration><![CDATA[{"slideVersion":0,"isValidatorEnabled":false,"isLocked":false,"elementsMetadata":[],"slideId":"637508990591111790","enableDocumentContentUpdater":true,"version":"1.11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slideVersion":0,"isValidatorEnabled":false,"isLocked":false,"elementsMetadata":[],"slideId":"637508990591268013","enableDocumentContentUpdater":true,"version":"1.11"}]]></TemplafySlideTemplateConfiguration>
</file>

<file path=customXml/item17.xml><?xml version="1.0" encoding="utf-8"?>
<TemplafySlideTemplateConfiguration><![CDATA[{"slideVersion":0,"isValidatorEnabled":false,"isLocked":false,"elementsMetadata":[],"slideId":"637508990590955477","enableDocumentContentUpdater":true,"version":"1.11"}]]></TemplafySlideTemplate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TemplateConfiguration><![CDATA[{"slideVersion":0,"isValidatorEnabled":false,"isLocked":false,"elementsMetadata":[],"slideId":"637443277564148847","enableDocumentContentUpdater":true,"version":"1.11"}]]></TemplafySlide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TemplateConfiguration><![CDATA[{"slideVersion":0,"isValidatorEnabled":false,"isLocked":false,"elementsMetadata":[],"slideId":"637508990591268014","enableDocumentContentUpdater":true,"version":"1.11"}]]></TemplafySlideTemplateConfiguration>
</file>

<file path=customXml/item3.xml><?xml version="1.0" encoding="utf-8"?>
<TemplafySlideTemplateConfiguration><![CDATA[{"slideVersion":0,"isValidatorEnabled":false,"isLocked":false,"elementsMetadata":[],"slideId":"637508990590955478","enableDocumentContentUpdater":true,"version":"1.11"}]]></TemplafySlideTemplateConfiguration>
</file>

<file path=customXml/item4.xml><?xml version="1.0" encoding="utf-8"?>
<TemplafySlideTemplateConfiguration><![CDATA[{"slideVersion":0,"isValidatorEnabled":false,"isLocked":false,"elementsMetadata":[],"slideId":"637443277563836448","enableDocumentContentUpdater":true,"version":"1.11"}]]></TemplafySlideTemplateConfiguration>
</file>

<file path=customXml/item5.xml><?xml version="1.0" encoding="utf-8"?>
<TemplafyTemplateConfiguration><![CDATA[{"elementsMetadata":[{"type":"shape","id":"c89ce331-055d-4b9c-a3b8-5896969e10fe","elementConfiguration":{"binding":"Form.Title","disableUpdates":false,"type":"text"}},{"type":"shape","id":"46112035-ed06-4346-b252-dec9c5dbe45c","elementConfiguration":{"inheritDimensions":"inheritWidth","binding":"Form.Division.Positive_Logo","disableUpdates":false,"type":"image"}},{"type":"shape","id":"91d59318-cc48-4d35-ab44-2e066e5796f9","elementConfiguration":{"binding":"Form.Division.Website","disableUpdates":false,"type":"text"}},{"type":"shape","id":"ed568f30-e4c8-414d-aaed-cccffdc59ebe","elementConfiguration":{"inheritDimensions":"inheritWidth","binding":"Form.Division.Positive_Logo","disableUpdates":false,"type":"image"}},{"type":"shape","id":"77e1829e-3ec7-44ca-9537-6c8be06ad06a","elementConfiguration":{"binding":"Form.Division.Website","disableUpdates":false,"type":"text"}},{"type":"shape","id":"3ec71c5d-fe43-4098-b2be-bd525ff1ef4b","elementConfiguration":{"inheritDimensions":"inheritWidth","binding":"Form.Division.Positive_Logo","disableUpdates":false,"type":"image"}},{"type":"shape","id":"887c5874-35f8-4d17-a263-f75f0b08a01f","elementConfiguration":{"binding":"Form.Division.Website","disableUpdates":false,"type":"text"}},{"type":"shape","id":"44239c95-64a2-47b5-b407-25958a58d255","elementConfiguration":{"inheritDimensions":"inheritWidth","binding":"Form.Division.Negative_Logo","disableUpdates":false,"type":"image"}},{"type":"shape","id":"f13ca0ab-ee89-4ac2-be17-1726d8b892f7","elementConfiguration":{"binding":"Form.Division.Website","disableUpdates":false,"type":"text"}},{"type":"shape","id":"48b6e904-7c0a-489a-a464-1c44ffd1eb8f","elementConfiguration":{"binding":"Form.Title","disableUpdates":false,"type":"text"}},{"type":"shape","id":"9e68d0a0-dfbc-4c72-9722-9c809368d54d","elementConfiguration":{"binding":"Form.Subtitle","disableUpdates":false,"type":"text"}},{"type":"shape","id":"14193fac-6fd6-4f00-894d-a950eb6cafb3","elementConfiguration":{"inheritDimensions":"inheritWidth","binding":"Form.Division.Negative_Logo","disableUpdates":false,"type":"image"}},{"type":"shape","id":"e06cdef3-13f9-4336-8e56-797cf9d9c3a3","elementConfiguration":{"binding":"Form.Division.Website","disableUpdates":false,"type":"text"}},{"type":"shape","id":"5473c8c3-725f-4c13-bc39-9fd30a381f2e","elementConfiguration":{"inheritDimensions":"inheritWidth","binding":"Form.Division.Negative_Logo","disableUpdates":false,"type":"image"}},{"type":"shape","id":"ce5bebb8-dd88-40b8-ad04-ead95d0b6648","elementConfiguration":{"inheritDimensions":"inheritWidth","binding":"Form.Division.Negative_Logo","disableUpdates":false,"type":"image"}},{"type":"shape","id":"bff06e2f-39dd-4234-bfd6-3ab5331c9780","elementConfiguration":{"binding":"Form.Division.Website","disableUpdates":false,"type":"text"}},{"type":"shape","id":"3a0fb8bb-9af7-4ae4-b4ab-0175adcff3fc","elementConfiguration":{"inheritDimensions":"inheritWidth","binding":"Form.Division.Positive_Logo","disableUpdates":false,"type":"image"}},{"type":"shape","id":"2f911282-5f89-4619-b54b-19d2b8dd5a7c","elementConfiguration":{"binding":"Form.Division.Website","disableUpdates":false,"type":"text"}},{"type":"shape","id":"d7e797b1-a6d4-41d6-88aa-d0a253c2ffc9","elementConfiguration":{"inheritDimensions":"inheritWidth","binding":"Form.Division.Negative_Logo","disableUpdates":false,"type":"image"}},{"type":"shape","id":"d8eb1ad0-7568-4524-924a-1a578f822430","elementConfiguration":{"binding":"Form.Division.Website","disableUpdates":false,"type":"text"}},{"type":"shape","id":"bf8d0d36-eb9a-483a-b1d4-6bec505fcbff","elementConfiguration":{"inheritDimensions":"inheritWidth","binding":"Form.Division.Positive_Logo","disableUpdates":false,"type":"image"}},{"type":"shape","id":"e483bb0b-9784-464b-ab6e-536e2761bd20","elementConfiguration":{"binding":"Form.Division.Website","disableUpdates":false,"type":"text"}},{"type":"shape","id":"f5b6db53-6130-4153-9f7f-f417ec50e341","elementConfiguration":{"inheritDimensions":"inheritWidth","binding":"Form.Division.Negative_Logo","disableUpdates":false,"type":"image"}},{"type":"shape","id":"2bda50a5-3e4d-48ec-83ae-6688c8542f55","elementConfiguration":{"binding":"Form.Division.Website","disableUpdates":false,"type":"text"}},{"type":"shape","id":"1f599933-6cd0-4330-a8fe-fe93880ad324","elementConfiguration":{"inheritDimensions":"inheritWidth","binding":"Form.Division.Negative_Logo","disableUpdates":false,"type":"image"}},{"type":"shape","id":"0124ae8a-b389-4c84-8e2f-1c4c1d66202d","elementConfiguration":{"binding":"Form.Division.Website","disableUpdates":false,"type":"text"}},{"type":"shape","id":"2c68b6e5-a4fc-47f3-a9fc-c75ddd4f26bb","elementConfiguration":{"binding":"Form.Title","disableUpdates":false,"type":"text"}},{"type":"shape","id":"af7d0d58-3c3f-4109-b554-7234d1ea937f","elementConfiguration":{"binding":"Form.Subtitle","disableUpdates":false,"type":"text"}},{"type":"shape","id":"9efe5593-b2cb-4fd9-8998-e6f4461a1b49","elementConfiguration":{"inheritDimensions":"inheritWidth","binding":"Form.Division.Negative_Logo","disableUpdates":false,"type":"image"}},{"type":"shape","id":"4041e0d2-3408-453d-99bc-c5b313d86882","elementConfiguration":{"inheritDimensions":"inheritWidth","binding":"Form.Division.Positive_Logo","disableUpdates":false,"type":"image"}},{"type":"shape","id":"d08d6a7e-cbe6-4b8c-afb8-fbe727484569","elementConfiguration":{"binding":"Form.Division.Website","disableUpdates":false,"type":"text"}},{"type":"shape","id":"edff077e-9368-4108-8aeb-6ece19c124c4","elementConfiguration":{"inheritDimensions":"inheritWidth","binding":"Form.Division.Negative_Logo","disableUpdates":false,"type":"image"}},{"type":"shape","id":"effa1161-3f99-4725-a24d-fcc6eb434f41","elementConfiguration":{"binding":"Form.Division.Website","disableUpdates":false,"type":"text"}},{"type":"shape","id":"1e33221a-7d98-4935-a032-2efc8c2bfb21","elementConfiguration":{"inheritDimensions":"inheritWidth","binding":"Form.Division.Negative_Logo","disableUpdates":false,"type":"image"}},{"type":"shape","id":"60a0884e-44b3-4ff1-a29f-9fa69c2257ca","elementConfiguration":{"binding":"Form.Division.Website","disableUpdates":false,"type":"text"}},{"type":"shape","id":"f36514e1-b2fb-4329-bfc3-9075de0b3962","elementConfiguration":{"binding":"Form.Title","visibility":{"action":"hide","operator":"equals","compareValue":""},"disableUpdates":false,"type":"text"}},{"type":"shape","id":"b852669d-3e58-428f-ad63-7bf18818aaad","elementConfiguration":{"binding":"Form.Subtitle","visibility":{"action":"hide","operator":"equals","compareValue":""},"disableUpdates":false,"type":"text"}},{"type":"shape","id":"2ca5b2a9-6408-4e04-aa2b-d985dd35f889","elementConfiguration":{"format":"d MMMM yyyy","binding":"Form.Date","visibility":{"action":"hide","binding":"Form.HideDate.Query1","operator":"equals","compareValue":"Yes"},"disableUpdates":false,"type":"date"}},{"type":"shape","id":"83ef3287-4b2b-4f97-b544-067155ac6649","elementConfiguration":{"inheritDimensions":"inheritWidth","binding":"Form.Division.Negative_Logo","disableUpdates":false,"type":"image"}},{"type":"shape","id":"045beac0-cf69-49f3-b969-5786e407fa54","elementConfiguration":{"inheritDimensions":"inheritWidth","binding":"Form.Division.Positive_Logo","disableUpdates":false,"type":"image"}},{"type":"shape","id":"314d51bf-b5eb-43c8-947b-2c4c372586ea","elementConfiguration":{"binding":"Form.Division.Website","disableUpdates":false,"type":"text"}},{"type":"shape","id":"c623d2a2-5b75-4a0f-b99e-04e759c98f96","elementConfiguration":{"inheritDimensions":"inheritWidth","binding":"Form.Division.Positive_Logo","disableUpdates":false,"type":"image"}},{"type":"shape","id":"4721225f-478c-4583-bdf6-0592dc9771cd","elementConfiguration":{"binding":"Form.Division.Website","disableUpdates":false,"type":"text"}},{"type":"shape","id":"736e8350-4e7e-4d0a-8dca-61329ed671e3","elementConfiguration":{"inheritDimensions":"inheritWidth","binding":"Form.Division.Negative_Logo","disableUpdates":false,"type":"image"}},{"type":"shape","id":"3caef9e0-23ab-4655-9cd6-f87a8f950d9e","elementConfiguration":{"binding":"Form.Division.Website","disableUpdates":false,"type":"text"}},{"type":"shape","id":"8dbdadf6-bd26-4e38-a943-d4babbf46bf0","elementConfiguration":{"inheritDimensions":"inheritWidth","binding":"Form.Division.Negative_Logo","disableUpdates":false,"type":"image"}},{"type":"shape","id":"f0c8e608-cb83-40c2-ba8d-2a9d5e983cd7","elementConfiguration":{"binding":"Form.Division.Website","disableUpdates":false,"type":"text"}},{"type":"shape","id":"c1fe7645-5979-4a34-b253-330e807e22b3","elementConfiguration":{"inheritDimensions":"inheritWidth","binding":"Form.Division.Positive_Logo","disableUpdates":false,"type":"image"}},{"type":"shape","id":"3b994438-243d-4b42-a4a5-80c0993adee5","elementConfiguration":{"binding":"Form.Division.Website","disableUpdates":false,"type":"text"}},{"type":"shape","id":"768c6cc5-ecd2-4585-a125-27e0607209a0","elementConfiguration":{"inheritDimensions":"inheritWidth","binding":"Form.Division.Positive_Logo","disableUpdates":false,"type":"image"}},{"type":"shape","id":"fc57d897-fd59-4eca-aff7-b717a8c32a76","elementConfiguration":{"binding":"Form.Division.Website","disableUpdates":false,"type":"text"}},{"type":"shape","id":"2a4553d0-3fc8-447b-9a12-b77abe1488bb","elementConfiguration":{"inheritDimensions":"inheritWidth","binding":"Form.Division.Negative_Logo","disableUpdates":false,"type":"image"}},{"type":"shape","id":"57a894f1-0ed9-46a0-9cca-6f33634ddc98","elementConfiguration":{"binding":"Form.Division.Website","disableUpdates":false,"type":"text"}},{"type":"shape","id":"efdabef2-f62a-42bb-83db-938d48bd6818","elementConfiguration":{"inheritDimensions":"inheritWidth","binding":"Form.Division.Negative_Logo","disableUpdates":false,"type":"image"}},{"type":"shape","id":"45bd0992-1afd-4b7b-802f-f3bae8d4b193","elementConfiguration":{"binding":"Form.Division.Website","disableUpdates":false,"type":"text"}},{"type":"shape","id":"4a4ec208-2094-4d56-a4b3-98440063a150","elementConfiguration":{"inheritDimensions":"inheritWidth","binding":"Form.Division.Positive_Logo","disableUpdates":false,"type":"image"}},{"type":"shape","id":"738cd7fd-a73b-4527-8fa5-029397f3f470","elementConfiguration":{"binding":"Form.Division.Website","disableUpdates":false,"type":"text"}},{"type":"shape","id":"bf4f5d3f-8664-4261-9b42-8171bcc25387","elementConfiguration":{"binding":"Form.Division.Website","disableUpdates":false,"type":"text"}},{"type":"shape","id":"fef732a4-8890-4c89-b95b-3a0b7aa5fb8c","elementConfiguration":{"inheritDimensions":"inheritWidth","binding":"Form.Division.Positive_Logo","disableUpdates":false,"type":"image"}},{"type":"shape","id":"77f5c611-3340-4c0d-a522-a59213ea4178","elementConfiguration":{"inheritDimensions":"inheritWidth","binding":"Form.Division.Negative_Logo","disableUpdates":false,"type":"image"}},{"type":"shape","id":"2cafbb23-89f8-4ebd-9c43-9749f6d96dbf","elementConfiguration":{"binding":"Form.Division.Website","disableUpdates":false,"type":"text"}},{"type":"shape","id":"596b67f3-2cde-49ad-85f1-3b8461e5555e","elementConfiguration":{"inheritDimensions":"inheritWidth","binding":"Form.Division.Positive_Logo","disableUpdates":false,"type":"image"}},{"type":"shape","id":"63d44eda-17c6-47f1-8015-6782c450d30f","elementConfiguration":{"binding":"Form.Division.Website","disableUpdates":false,"type":"text"}},{"type":"shape","id":"c16c66d2-44ae-42bf-a0a1-b0d73ecbae4d","elementConfiguration":{"inheritDimensions":"inheritWidth","binding":"Form.Division.Positive_Logo","disableUpdates":false,"type":"image"}},{"type":"shape","id":"37b273c8-bdef-42da-a98c-c3bb7e1e9411","elementConfiguration":{"binding":"Form.Division.Website","disableUpdates":false,"type":"text"}},{"type":"shape","id":"96f413ed-7f36-457d-9192-8e458421843a","elementConfiguration":{"inheritDimensions":"inheritWidth","binding":"Form.Division.Positive_Logo","disableUpdates":false,"type":"image"}},{"type":"shape","id":"607e6441-e962-4247-84d0-95e0f472cc3f","elementConfiguration":{"binding":"Form.Division.Website","disableUpdates":false,"type":"text"}},{"type":"shape","id":"01efe106-cca3-4748-9b43-0c1c657ffe2e","elementConfiguration":{"inheritDimensions":"inheritWidth","binding":"Form.Division.Negative_Logo","disableUpdates":false,"type":"image"}},{"type":"shape","id":"1cf1fa57-1e05-4f94-8351-189e06f5b03e","elementConfiguration":{"binding":"Form.Division.Website","disableUpdates":false,"type":"text"}},{"type":"shape","id":"ede6e118-615c-418b-8ad2-3075fbfd5a92","elementConfiguration":{"inheritDimensions":"inheritWidth","binding":"Form.Division.Negative_Logo","disableUpdates":false,"type":"image"}},{"type":"shape","id":"0ef7acab-2ff8-4a62-aa9c-3a857d1a6d10","elementConfiguration":{"binding":"Form.Division.Website","disableUpdates":false,"type":"text"}},{"type":"shape","id":"dd60d1a5-0bd2-4002-a550-89beb7a2877b","elementConfiguration":{"inheritDimensions":"inheritWidth","binding":"Form.Division.Negative_Logo","disableUpdates":false,"type":"image"}},{"type":"shape","id":"164f36ca-1fc0-4255-be72-2751cc196c66","elementConfiguration":{"binding":"Form.Division.Website","disableUpdates":false,"type":"text"}},{"type":"shape","id":"e38e6a95-338e-46a9-ab82-736de884bcef","elementConfiguration":{"binding":"UserProfile.Name","disableUpdates":false,"type":"text"}},{"type":"shape","id":"6ef784b4-7fa9-4291-8ebb-ac793050ef8b","elementConfiguration":{"binding":"UserProfile.Title","disableUpdates":false,"type":"text"}},{"type":"shape","id":"84a3f8ba-3234-43c5-b1c6-ca861366871a","elementConfiguration":{"binding":"UserProfile.Mail","disableUpdates":false,"type":"text"}},{"type":"shape","id":"d606195d-6536-40ee-a339-82352897d42c","elementConfiguration":{"binding":"UserProfile.Office.Company","visibility":{"action":"hide","operator":"equals","compareValue":""},"disableUpdates":false,"type":"text"}},{"type":"shape","id":"c604dbd2-a59c-4309-ab6e-3e8d58a84b0f","elementConfiguration":{"format":"yyyy","binding":"Form.Date","disableUpdates":false,"type":"date"}},{"type":"shape","id":"57b92c2f-8376-4430-befb-e0fe7fc1d07e","elementConfiguration":{"binding":"UserProfile.Office.FullAddress","visibility":{"action":"hide","operator":"equals","compareValue":""},"disableUpdates":false,"type":"text"}},{"type":"shape","id":"eb5ff8a6-d9ba-4ff6-bcd0-a72ff5f647c2","elementConfiguration":{"inheritDimensions":"inheritWidth","binding":"Form.Division.Negative_Logo","disableUpdates":false,"type":"image"}}],"transformationConfigurations":[{"colorTheme":"{{Form.Division.Colour_theme}}","originalColorThemeXml":"<a:clrScheme name=\"Davies Dark Teal\" xmlns:a=\"http://schemas.openxmlformats.org/drawingml/2006/main\"><a:dk1><a:srgbClr val=\"545659\" /></a:dk1><a:lt1><a:srgbClr val=\"FFFFFF\" /></a:lt1><a:dk2><a:srgbClr val=\"114B5F\" /></a:dk2><a:lt2><a:srgbClr val=\"E7E6E6\" /></a:lt2><a:accent1><a:srgbClr val=\"F76C6C\" /></a:accent1><a:accent2><a:srgbClr val=\"114B5F\" /></a:accent2><a:accent3><a:srgbClr val=\"5FC7C7\" /></a:accent3><a:accent4><a:srgbClr val=\"8BD16E\" /></a:accent4><a:accent5><a:srgbClr val=\"545659\" /></a:accent5><a:accent6><a:srgbClr val=\"BBBBBD\" /></a:accent6><a:hlink><a:srgbClr val=\"F76C6C\" /></a:hlink><a:folHlink><a:srgbClr val=\"114B5F\" /></a:folHlink></a:clrScheme>","disableUpdates":false,"type":"colorTheme"}],"templateName":"","templateDescription":"","enableDocumentContentUpdater":true,"version":"1.11"}]]></TemplafyTemplateConfiguration>
</file>

<file path=customXml/item6.xml><?xml version="1.0" encoding="utf-8"?>
<TemplafySlideTemplateConfiguration><![CDATA[{"slideVersion":0,"isValidatorEnabled":false,"isLocked":false,"elementsMetadata":[],"slideId":"637508990591111789","enableDocumentContentUpdater":true,"version":"1.11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FormConfiguration><![CDATA[{"formFields":[{"dataSource":"Query1","displayColumn":"query1","hideIfNoUserInteractionRequired":false,"distinct":true,"required":false,"autoSelectFirstOption":false,"helpTexts":{"prefix":"","postfix":""},"spacing":{},"type":"dropDown","name":"HideDate","label":"Hide Date?","fullyQualifiedName":"HideDate"},{"required":false,"placeholder":"","lines":0,"helpTexts":{"prefix":"","postfix":""},"spacing":{},"type":"textBox","name":"Title","label":"Enter your title","fullyQualifiedName":"Title"},{"required":false,"placeholder":"","lines":0,"helpTexts":{"prefix":"","postfix":""},"spacing":{},"type":"textBox","name":"Subtitle","label":"Enter your subtitle","fullyQualifiedName":"Subtitle"},{"required":false,"helpTexts":{"prefix":"","postfix":""},"spacing":{},"type":"datePicker","name":"Date","label":"Choose a date","fullyQualifiedName":"Date"},{"dataSource":"LogoList","displayColumn":"vertical","defaultValue":"{{UserProfile.Logo.Id}}","hideIfNoUserInteractionRequired":true,"distinct":true,"required":false,"autoSelectFirstOption":false,"helpTexts":{"prefix":"","postfix":""},"spacing":{},"type":"dropDown","name":"Logo","label":"Select your logo","fullyQualifiedName":"Logo"},{"dataSource":"LogoList","displayColumn":"division","defaultValue":"{{UserProfile.Division.Id}}","filter":{"column":"vertical","otherFieldName":"Logo","fullyQualifiedOtherFieldName":"Logo","otherFieldColumn":"vertical","formReference":"none","operator":"equals"},"hideIfNoUserInteractionRequired":false,"distinct":true,"required":true,"autoSelectFirstOption":false,"helpTexts":{"prefix":"","postfix":""},"spacing":{},"type":"dropDown","name":"Division","label":"Select your division","fullyQualifiedName":"Division"}],"formDataEntries":[{"name":"HideDate","value":"j7DwWsMUbpX9alGFnEL06A=="},{"name":"Title","value":"Po2JyDfo2tTKlwzkRTJyuoyNIiZuNt5vMkqgOGigjwY="},{"name":"Subtitle","value":"TFn5xrOUG69uNnD3o0XS+g=="},{"name":"Date","value":"PpMKO068YE+TaLePk4RVtw=="},{"name":"Logo","value":"4D++JMy9LSJaJj4zWXf8VA=="},{"name":"Division","value":"E3NHVNjwHnb8aAF2qn0r1A=="}]}]]></TemplafyFormConfiguration>
</file>

<file path=customXml/itemProps1.xml><?xml version="1.0" encoding="utf-8"?>
<ds:datastoreItem xmlns:ds="http://schemas.openxmlformats.org/officeDocument/2006/customXml" ds:itemID="{1083C07F-1E77-4839-B010-AA79BC6650DC}">
  <ds:schemaRefs/>
</ds:datastoreItem>
</file>

<file path=customXml/itemProps10.xml><?xml version="1.0" encoding="utf-8"?>
<ds:datastoreItem xmlns:ds="http://schemas.openxmlformats.org/officeDocument/2006/customXml" ds:itemID="{A69501CD-752C-44F9-A32E-52DEFD1568AF}">
  <ds:schemaRefs/>
</ds:datastoreItem>
</file>

<file path=customXml/itemProps11.xml><?xml version="1.0" encoding="utf-8"?>
<ds:datastoreItem xmlns:ds="http://schemas.openxmlformats.org/officeDocument/2006/customXml" ds:itemID="{962E04A1-DBC0-43C4-A70A-12CD8DCB481C}">
  <ds:schemaRefs/>
</ds:datastoreItem>
</file>

<file path=customXml/itemProps12.xml><?xml version="1.0" encoding="utf-8"?>
<ds:datastoreItem xmlns:ds="http://schemas.openxmlformats.org/officeDocument/2006/customXml" ds:itemID="{A86FCBBE-8255-4926-929C-ECA97181405F}">
  <ds:schemaRefs/>
</ds:datastoreItem>
</file>

<file path=customXml/itemProps13.xml><?xml version="1.0" encoding="utf-8"?>
<ds:datastoreItem xmlns:ds="http://schemas.openxmlformats.org/officeDocument/2006/customXml" ds:itemID="{BCD0C2F6-BECB-4801-A71C-BC0B5090D69F}">
  <ds:schemaRefs/>
</ds:datastoreItem>
</file>

<file path=customXml/itemProps14.xml><?xml version="1.0" encoding="utf-8"?>
<ds:datastoreItem xmlns:ds="http://schemas.openxmlformats.org/officeDocument/2006/customXml" ds:itemID="{564C4F60-1EC9-4EF3-9D6B-0E7DC07A702A}">
  <ds:schemaRefs/>
</ds:datastoreItem>
</file>

<file path=customXml/itemProps15.xml><?xml version="1.0" encoding="utf-8"?>
<ds:datastoreItem xmlns:ds="http://schemas.openxmlformats.org/officeDocument/2006/customXml" ds:itemID="{2DBD6DD9-648D-4E93-99D2-5493B134D29B}">
  <ds:schemaRefs/>
</ds:datastoreItem>
</file>

<file path=customXml/itemProps16.xml><?xml version="1.0" encoding="utf-8"?>
<ds:datastoreItem xmlns:ds="http://schemas.openxmlformats.org/officeDocument/2006/customXml" ds:itemID="{0CF65D3E-5ADA-4902-9D37-EF25C2BAA690}">
  <ds:schemaRefs/>
</ds:datastoreItem>
</file>

<file path=customXml/itemProps17.xml><?xml version="1.0" encoding="utf-8"?>
<ds:datastoreItem xmlns:ds="http://schemas.openxmlformats.org/officeDocument/2006/customXml" ds:itemID="{250324E6-6BE5-4C47-841E-81C03113BAAD}">
  <ds:schemaRefs/>
</ds:datastoreItem>
</file>

<file path=customXml/itemProps18.xml><?xml version="1.0" encoding="utf-8"?>
<ds:datastoreItem xmlns:ds="http://schemas.openxmlformats.org/officeDocument/2006/customXml" ds:itemID="{26C732D4-02ED-4B81-86A8-22233610E05C}">
  <ds:schemaRefs/>
</ds:datastoreItem>
</file>

<file path=customXml/itemProps19.xml><?xml version="1.0" encoding="utf-8"?>
<ds:datastoreItem xmlns:ds="http://schemas.openxmlformats.org/officeDocument/2006/customXml" ds:itemID="{91B85BF7-9430-46E9-800A-E8E879BDA760}">
  <ds:schemaRefs/>
</ds:datastoreItem>
</file>

<file path=customXml/itemProps2.xml><?xml version="1.0" encoding="utf-8"?>
<ds:datastoreItem xmlns:ds="http://schemas.openxmlformats.org/officeDocument/2006/customXml" ds:itemID="{347FF462-FB94-450F-836A-254580CFDD6D}">
  <ds:schemaRefs/>
</ds:datastoreItem>
</file>

<file path=customXml/itemProps20.xml><?xml version="1.0" encoding="utf-8"?>
<ds:datastoreItem xmlns:ds="http://schemas.openxmlformats.org/officeDocument/2006/customXml" ds:itemID="{C435E9BC-B431-400D-B02C-22298272AF0B}">
  <ds:schemaRefs/>
</ds:datastoreItem>
</file>

<file path=customXml/itemProps3.xml><?xml version="1.0" encoding="utf-8"?>
<ds:datastoreItem xmlns:ds="http://schemas.openxmlformats.org/officeDocument/2006/customXml" ds:itemID="{00559340-0355-4908-A861-AD730D42D578}">
  <ds:schemaRefs/>
</ds:datastoreItem>
</file>

<file path=customXml/itemProps4.xml><?xml version="1.0" encoding="utf-8"?>
<ds:datastoreItem xmlns:ds="http://schemas.openxmlformats.org/officeDocument/2006/customXml" ds:itemID="{C71CEB49-3DA3-43F8-8D06-BEE570C1D85C}">
  <ds:schemaRefs/>
</ds:datastoreItem>
</file>

<file path=customXml/itemProps5.xml><?xml version="1.0" encoding="utf-8"?>
<ds:datastoreItem xmlns:ds="http://schemas.openxmlformats.org/officeDocument/2006/customXml" ds:itemID="{67B94C4A-1FD4-403A-A886-2B2CACCBCB60}">
  <ds:schemaRefs/>
</ds:datastoreItem>
</file>

<file path=customXml/itemProps6.xml><?xml version="1.0" encoding="utf-8"?>
<ds:datastoreItem xmlns:ds="http://schemas.openxmlformats.org/officeDocument/2006/customXml" ds:itemID="{2D42F95A-2264-4A66-8155-FBD4D4802885}">
  <ds:schemaRefs/>
</ds:datastoreItem>
</file>

<file path=customXml/itemProps7.xml><?xml version="1.0" encoding="utf-8"?>
<ds:datastoreItem xmlns:ds="http://schemas.openxmlformats.org/officeDocument/2006/customXml" ds:itemID="{36B6AFE9-BE1C-4203-A1A4-22ED3D17CB65}">
  <ds:schemaRefs/>
</ds:datastoreItem>
</file>

<file path=customXml/itemProps8.xml><?xml version="1.0" encoding="utf-8"?>
<ds:datastoreItem xmlns:ds="http://schemas.openxmlformats.org/officeDocument/2006/customXml" ds:itemID="{1936E2E8-5CA9-4EAA-947C-7A6D8234C0B1}">
  <ds:schemaRefs/>
</ds:datastoreItem>
</file>

<file path=customXml/itemProps9.xml><?xml version="1.0" encoding="utf-8"?>
<ds:datastoreItem xmlns:ds="http://schemas.openxmlformats.org/officeDocument/2006/customXml" ds:itemID="{BDE98BC6-6F3A-46B8-952D-4C0FCC83573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728</TotalTime>
  <Words>631</Words>
  <Application>Microsoft Office PowerPoint</Application>
  <PresentationFormat>Widescreen</PresentationFormat>
  <Paragraphs>61</Paragraphs>
  <Slides>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2" baseType="lpstr">
      <vt:lpstr>Arial</vt:lpstr>
      <vt:lpstr>Calibri</vt:lpstr>
      <vt:lpstr>Wingdings</vt:lpstr>
      <vt:lpstr>Office Theme</vt:lpstr>
      <vt:lpstr>Motor Claims Market Review</vt:lpstr>
      <vt:lpstr>Overview</vt:lpstr>
      <vt:lpstr>Motor Claims Inflation By Peril</vt:lpstr>
      <vt:lpstr>Vehicle Repair Costs</vt:lpstr>
      <vt:lpstr>New Vehicle Lead Times</vt:lpstr>
      <vt:lpstr>Drivers for Inflation</vt:lpstr>
      <vt:lpstr>Davies response</vt:lpstr>
      <vt:lpstr>PowerPoint Presentation</vt:lpstr>
    </vt:vector>
  </TitlesOfParts>
  <Company>Davies Grou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Ioannis Andrepoulos</dc:creator>
  <cp:lastModifiedBy>Joseph Ashworth</cp:lastModifiedBy>
  <cp:revision>75</cp:revision>
  <dcterms:created xsi:type="dcterms:W3CDTF">2020-12-02T15:25:00Z</dcterms:created>
  <dcterms:modified xsi:type="dcterms:W3CDTF">2023-06-01T10:44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Version">
    <vt:lpwstr>1.0.2</vt:lpwstr>
  </property>
  <property fmtid="{D5CDD505-2E9C-101B-9397-08002B2CF9AE}" pid="3" name="TemplafyTimeStamp">
    <vt:lpwstr>2021-06-11T13:05:37.9295521Z</vt:lpwstr>
  </property>
  <property fmtid="{D5CDD505-2E9C-101B-9397-08002B2CF9AE}" pid="4" name="TemplafyTenantId">
    <vt:lpwstr>davies</vt:lpwstr>
  </property>
  <property fmtid="{D5CDD505-2E9C-101B-9397-08002B2CF9AE}" pid="5" name="TemplafyTemplateId">
    <vt:lpwstr>637496819407470244</vt:lpwstr>
  </property>
  <property fmtid="{D5CDD505-2E9C-101B-9397-08002B2CF9AE}" pid="6" name="TemplafyUserProfileId">
    <vt:lpwstr>638130960641011833</vt:lpwstr>
  </property>
</Properties>
</file>